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tm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31"/>
  </p:notesMasterIdLst>
  <p:handoutMasterIdLst>
    <p:handoutMasterId r:id="rId32"/>
  </p:handoutMasterIdLst>
  <p:sldIdLst>
    <p:sldId id="256" r:id="rId10"/>
    <p:sldId id="287" r:id="rId11"/>
    <p:sldId id="275" r:id="rId12"/>
    <p:sldId id="289" r:id="rId13"/>
    <p:sldId id="290" r:id="rId14"/>
    <p:sldId id="261" r:id="rId15"/>
    <p:sldId id="296" r:id="rId16"/>
    <p:sldId id="297" r:id="rId17"/>
    <p:sldId id="298" r:id="rId18"/>
    <p:sldId id="299" r:id="rId19"/>
    <p:sldId id="263" r:id="rId20"/>
    <p:sldId id="264" r:id="rId21"/>
    <p:sldId id="257" r:id="rId22"/>
    <p:sldId id="292" r:id="rId23"/>
    <p:sldId id="293" r:id="rId24"/>
    <p:sldId id="262" r:id="rId25"/>
    <p:sldId id="265" r:id="rId26"/>
    <p:sldId id="269" r:id="rId27"/>
    <p:sldId id="300" r:id="rId28"/>
    <p:sldId id="301" r:id="rId29"/>
    <p:sldId id="302" r:id="rId30"/>
  </p:sldIdLst>
  <p:sldSz cx="12190413" cy="6858000"/>
  <p:notesSz cx="6858000" cy="9144000"/>
  <p:custDataLst>
    <p:tags r:id="rId3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D376C26-B4CF-41E1-87D9-A59DDF770948}" v="1753" dt="2021-06-08T14:03:47.90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8025" autoAdjust="0"/>
    <p:restoredTop sz="96098" autoAdjust="0"/>
  </p:normalViewPr>
  <p:slideViewPr>
    <p:cSldViewPr showGuides="1">
      <p:cViewPr varScale="1">
        <p:scale>
          <a:sx n="95" d="100"/>
          <a:sy n="95" d="100"/>
        </p:scale>
        <p:origin x="67" y="17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tags" Target="tags/tag1.xml"/><Relationship Id="rId38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lan Wai Hou Lio" userId="4e2e7dda-a9a8-4e9f-8daf-fb8d3a66df36" providerId="ADAL" clId="{FD376C26-B4CF-41E1-87D9-A59DDF770948}"/>
    <pc:docChg chg="undo custSel addSld delSld modSld sldOrd">
      <pc:chgData name="Alan Wai Hou Lio" userId="4e2e7dda-a9a8-4e9f-8daf-fb8d3a66df36" providerId="ADAL" clId="{FD376C26-B4CF-41E1-87D9-A59DDF770948}" dt="2021-06-08T14:04:30.082" v="4270" actId="47"/>
      <pc:docMkLst>
        <pc:docMk/>
      </pc:docMkLst>
      <pc:sldChg chg="addSp modSp add del mod modAnim">
        <pc:chgData name="Alan Wai Hou Lio" userId="4e2e7dda-a9a8-4e9f-8daf-fb8d3a66df36" providerId="ADAL" clId="{FD376C26-B4CF-41E1-87D9-A59DDF770948}" dt="2021-06-07T14:46:24.794" v="4233"/>
        <pc:sldMkLst>
          <pc:docMk/>
          <pc:sldMk cId="1796381250" sldId="257"/>
        </pc:sldMkLst>
        <pc:spChg chg="mod">
          <ac:chgData name="Alan Wai Hou Lio" userId="4e2e7dda-a9a8-4e9f-8daf-fb8d3a66df36" providerId="ADAL" clId="{FD376C26-B4CF-41E1-87D9-A59DDF770948}" dt="2021-06-03T14:51:21.402" v="3626" actId="20577"/>
          <ac:spMkLst>
            <pc:docMk/>
            <pc:sldMk cId="1796381250" sldId="257"/>
            <ac:spMk id="5" creationId="{43AB9D89-4678-4B3C-8679-3E429EFBB2DD}"/>
          </ac:spMkLst>
        </pc:spChg>
        <pc:spChg chg="mod">
          <ac:chgData name="Alan Wai Hou Lio" userId="4e2e7dda-a9a8-4e9f-8daf-fb8d3a66df36" providerId="ADAL" clId="{FD376C26-B4CF-41E1-87D9-A59DDF770948}" dt="2021-06-03T13:37:59.044" v="3033" actId="20577"/>
          <ac:spMkLst>
            <pc:docMk/>
            <pc:sldMk cId="1796381250" sldId="257"/>
            <ac:spMk id="6" creationId="{5A5890CD-8F90-4FE7-841F-F7B0C2865BA2}"/>
          </ac:spMkLst>
        </pc:spChg>
        <pc:spChg chg="add mod">
          <ac:chgData name="Alan Wai Hou Lio" userId="4e2e7dda-a9a8-4e9f-8daf-fb8d3a66df36" providerId="ADAL" clId="{FD376C26-B4CF-41E1-87D9-A59DDF770948}" dt="2021-06-07T14:46:00.772" v="4227" actId="1037"/>
          <ac:spMkLst>
            <pc:docMk/>
            <pc:sldMk cId="1796381250" sldId="257"/>
            <ac:spMk id="7" creationId="{E3A49D51-099D-4699-AF2A-CC7656B85B5C}"/>
          </ac:spMkLst>
        </pc:spChg>
        <pc:spChg chg="add mod">
          <ac:chgData name="Alan Wai Hou Lio" userId="4e2e7dda-a9a8-4e9f-8daf-fb8d3a66df36" providerId="ADAL" clId="{FD376C26-B4CF-41E1-87D9-A59DDF770948}" dt="2021-06-03T13:38:25.900" v="3038" actId="1076"/>
          <ac:spMkLst>
            <pc:docMk/>
            <pc:sldMk cId="1796381250" sldId="257"/>
            <ac:spMk id="8" creationId="{4BA59FBC-A8DC-49FF-AFB1-44ED18EC8A48}"/>
          </ac:spMkLst>
        </pc:spChg>
        <pc:spChg chg="add mod">
          <ac:chgData name="Alan Wai Hou Lio" userId="4e2e7dda-a9a8-4e9f-8daf-fb8d3a66df36" providerId="ADAL" clId="{FD376C26-B4CF-41E1-87D9-A59DDF770948}" dt="2021-06-03T13:38:40.947" v="3040" actId="1076"/>
          <ac:spMkLst>
            <pc:docMk/>
            <pc:sldMk cId="1796381250" sldId="257"/>
            <ac:spMk id="10" creationId="{30B35A5D-9165-44AC-BD60-C9E9EA7709E2}"/>
          </ac:spMkLst>
        </pc:spChg>
        <pc:cxnChg chg="add mod">
          <ac:chgData name="Alan Wai Hou Lio" userId="4e2e7dda-a9a8-4e9f-8daf-fb8d3a66df36" providerId="ADAL" clId="{FD376C26-B4CF-41E1-87D9-A59DDF770948}" dt="2021-06-03T13:38:21.796" v="3037" actId="14100"/>
          <ac:cxnSpMkLst>
            <pc:docMk/>
            <pc:sldMk cId="1796381250" sldId="257"/>
            <ac:cxnSpMk id="9" creationId="{C2802CBD-2A62-4B54-9641-2B32183222F9}"/>
          </ac:cxnSpMkLst>
        </pc:cxnChg>
      </pc:sldChg>
      <pc:sldChg chg="del">
        <pc:chgData name="Alan Wai Hou Lio" userId="4e2e7dda-a9a8-4e9f-8daf-fb8d3a66df36" providerId="ADAL" clId="{FD376C26-B4CF-41E1-87D9-A59DDF770948}" dt="2021-06-03T09:59:45.381" v="1" actId="47"/>
        <pc:sldMkLst>
          <pc:docMk/>
          <pc:sldMk cId="2320714135" sldId="260"/>
        </pc:sldMkLst>
      </pc:sldChg>
      <pc:sldChg chg="addSp delSp modSp mod delAnim modAnim">
        <pc:chgData name="Alan Wai Hou Lio" userId="4e2e7dda-a9a8-4e9f-8daf-fb8d3a66df36" providerId="ADAL" clId="{FD376C26-B4CF-41E1-87D9-A59DDF770948}" dt="2021-06-03T10:32:30.786" v="746"/>
        <pc:sldMkLst>
          <pc:docMk/>
          <pc:sldMk cId="1116912554" sldId="261"/>
        </pc:sldMkLst>
        <pc:spChg chg="add del mod">
          <ac:chgData name="Alan Wai Hou Lio" userId="4e2e7dda-a9a8-4e9f-8daf-fb8d3a66df36" providerId="ADAL" clId="{FD376C26-B4CF-41E1-87D9-A59DDF770948}" dt="2021-06-03T10:05:24.892" v="54" actId="767"/>
          <ac:spMkLst>
            <pc:docMk/>
            <pc:sldMk cId="1116912554" sldId="261"/>
            <ac:spMk id="2" creationId="{DD44A295-A239-4EB1-B8CA-D9D1CFACEB11}"/>
          </ac:spMkLst>
        </pc:spChg>
        <pc:spChg chg="add del mod">
          <ac:chgData name="Alan Wai Hou Lio" userId="4e2e7dda-a9a8-4e9f-8daf-fb8d3a66df36" providerId="ADAL" clId="{FD376C26-B4CF-41E1-87D9-A59DDF770948}" dt="2021-06-03T10:09:56.026" v="142" actId="478"/>
          <ac:spMkLst>
            <pc:docMk/>
            <pc:sldMk cId="1116912554" sldId="261"/>
            <ac:spMk id="4" creationId="{9949322B-4FE9-445C-8593-30F9F0A4A60F}"/>
          </ac:spMkLst>
        </pc:spChg>
        <pc:spChg chg="add mod">
          <ac:chgData name="Alan Wai Hou Lio" userId="4e2e7dda-a9a8-4e9f-8daf-fb8d3a66df36" providerId="ADAL" clId="{FD376C26-B4CF-41E1-87D9-A59DDF770948}" dt="2021-06-03T10:10:06.746" v="146" actId="1076"/>
          <ac:spMkLst>
            <pc:docMk/>
            <pc:sldMk cId="1116912554" sldId="261"/>
            <ac:spMk id="5" creationId="{DE592019-E679-4BD4-B27D-CD1CD563DEC1}"/>
          </ac:spMkLst>
        </pc:spChg>
        <pc:spChg chg="add mod">
          <ac:chgData name="Alan Wai Hou Lio" userId="4e2e7dda-a9a8-4e9f-8daf-fb8d3a66df36" providerId="ADAL" clId="{FD376C26-B4CF-41E1-87D9-A59DDF770948}" dt="2021-06-03T10:17:07.727" v="256" actId="1076"/>
          <ac:spMkLst>
            <pc:docMk/>
            <pc:sldMk cId="1116912554" sldId="261"/>
            <ac:spMk id="6" creationId="{30D851C0-A213-4319-922C-BC7588D0440D}"/>
          </ac:spMkLst>
        </pc:spChg>
        <pc:spChg chg="add mod">
          <ac:chgData name="Alan Wai Hou Lio" userId="4e2e7dda-a9a8-4e9f-8daf-fb8d3a66df36" providerId="ADAL" clId="{FD376C26-B4CF-41E1-87D9-A59DDF770948}" dt="2021-06-03T10:07:25.093" v="74" actId="14100"/>
          <ac:spMkLst>
            <pc:docMk/>
            <pc:sldMk cId="1116912554" sldId="261"/>
            <ac:spMk id="14" creationId="{54D8DA8B-6C92-4D07-866A-AF44FC32F12B}"/>
          </ac:spMkLst>
        </pc:spChg>
        <pc:spChg chg="mod topLvl">
          <ac:chgData name="Alan Wai Hou Lio" userId="4e2e7dda-a9a8-4e9f-8daf-fb8d3a66df36" providerId="ADAL" clId="{FD376C26-B4CF-41E1-87D9-A59DDF770948}" dt="2021-06-03T10:07:25.093" v="74" actId="14100"/>
          <ac:spMkLst>
            <pc:docMk/>
            <pc:sldMk cId="1116912554" sldId="261"/>
            <ac:spMk id="16" creationId="{4FC3A75F-63D2-432D-A4AE-6708823D3E3C}"/>
          </ac:spMkLst>
        </pc:spChg>
        <pc:spChg chg="del mod topLvl">
          <ac:chgData name="Alan Wai Hou Lio" userId="4e2e7dda-a9a8-4e9f-8daf-fb8d3a66df36" providerId="ADAL" clId="{FD376C26-B4CF-41E1-87D9-A59DDF770948}" dt="2021-06-03T10:06:53.867" v="67" actId="478"/>
          <ac:spMkLst>
            <pc:docMk/>
            <pc:sldMk cId="1116912554" sldId="261"/>
            <ac:spMk id="17" creationId="{364F0F49-B807-4A25-A8B7-D2FB3A955479}"/>
          </ac:spMkLst>
        </pc:spChg>
        <pc:spChg chg="mod topLvl">
          <ac:chgData name="Alan Wai Hou Lio" userId="4e2e7dda-a9a8-4e9f-8daf-fb8d3a66df36" providerId="ADAL" clId="{FD376C26-B4CF-41E1-87D9-A59DDF770948}" dt="2021-06-03T10:07:25.093" v="74" actId="14100"/>
          <ac:spMkLst>
            <pc:docMk/>
            <pc:sldMk cId="1116912554" sldId="261"/>
            <ac:spMk id="19" creationId="{C16D884C-5E2B-47E6-81A0-A7EAE5124483}"/>
          </ac:spMkLst>
        </pc:spChg>
        <pc:spChg chg="del mod topLvl">
          <ac:chgData name="Alan Wai Hou Lio" userId="4e2e7dda-a9a8-4e9f-8daf-fb8d3a66df36" providerId="ADAL" clId="{FD376C26-B4CF-41E1-87D9-A59DDF770948}" dt="2021-06-03T10:07:02.975" v="70" actId="478"/>
          <ac:spMkLst>
            <pc:docMk/>
            <pc:sldMk cId="1116912554" sldId="261"/>
            <ac:spMk id="20" creationId="{67C29602-1177-45B0-961B-3120516EC380}"/>
          </ac:spMkLst>
        </pc:spChg>
        <pc:spChg chg="add del mod">
          <ac:chgData name="Alan Wai Hou Lio" userId="4e2e7dda-a9a8-4e9f-8daf-fb8d3a66df36" providerId="ADAL" clId="{FD376C26-B4CF-41E1-87D9-A59DDF770948}" dt="2021-06-03T10:06:56.197" v="69" actId="478"/>
          <ac:spMkLst>
            <pc:docMk/>
            <pc:sldMk cId="1116912554" sldId="261"/>
            <ac:spMk id="21" creationId="{60C722A5-C497-4B58-A7E2-FD24183E95D0}"/>
          </ac:spMkLst>
        </pc:spChg>
        <pc:spChg chg="add del mod">
          <ac:chgData name="Alan Wai Hou Lio" userId="4e2e7dda-a9a8-4e9f-8daf-fb8d3a66df36" providerId="ADAL" clId="{FD376C26-B4CF-41E1-87D9-A59DDF770948}" dt="2021-06-03T10:06:55.032" v="68" actId="478"/>
          <ac:spMkLst>
            <pc:docMk/>
            <pc:sldMk cId="1116912554" sldId="261"/>
            <ac:spMk id="22" creationId="{2362B024-BCD3-4093-806F-41F438864798}"/>
          </ac:spMkLst>
        </pc:spChg>
        <pc:spChg chg="add del mod">
          <ac:chgData name="Alan Wai Hou Lio" userId="4e2e7dda-a9a8-4e9f-8daf-fb8d3a66df36" providerId="ADAL" clId="{FD376C26-B4CF-41E1-87D9-A59DDF770948}" dt="2021-06-03T10:07:06.322" v="71" actId="478"/>
          <ac:spMkLst>
            <pc:docMk/>
            <pc:sldMk cId="1116912554" sldId="261"/>
            <ac:spMk id="23" creationId="{7322588B-BC0A-48D3-9E4C-203E1A57B9DA}"/>
          </ac:spMkLst>
        </pc:spChg>
        <pc:spChg chg="add del mod">
          <ac:chgData name="Alan Wai Hou Lio" userId="4e2e7dda-a9a8-4e9f-8daf-fb8d3a66df36" providerId="ADAL" clId="{FD376C26-B4CF-41E1-87D9-A59DDF770948}" dt="2021-06-03T10:17:46.036" v="263"/>
          <ac:spMkLst>
            <pc:docMk/>
            <pc:sldMk cId="1116912554" sldId="261"/>
            <ac:spMk id="29" creationId="{605370CE-296E-4EBC-8B10-9AEE2FE14238}"/>
          </ac:spMkLst>
        </pc:spChg>
        <pc:spChg chg="add del mod">
          <ac:chgData name="Alan Wai Hou Lio" userId="4e2e7dda-a9a8-4e9f-8daf-fb8d3a66df36" providerId="ADAL" clId="{FD376C26-B4CF-41E1-87D9-A59DDF770948}" dt="2021-06-03T10:32:30.786" v="746"/>
          <ac:spMkLst>
            <pc:docMk/>
            <pc:sldMk cId="1116912554" sldId="261"/>
            <ac:spMk id="30" creationId="{4B9DCCF6-7110-4A83-946B-ED6F45A47F13}"/>
          </ac:spMkLst>
        </pc:spChg>
        <pc:spChg chg="mod">
          <ac:chgData name="Alan Wai Hou Lio" userId="4e2e7dda-a9a8-4e9f-8daf-fb8d3a66df36" providerId="ADAL" clId="{FD376C26-B4CF-41E1-87D9-A59DDF770948}" dt="2021-06-03T10:12:59.578" v="167" actId="1038"/>
          <ac:spMkLst>
            <pc:docMk/>
            <pc:sldMk cId="1116912554" sldId="261"/>
            <ac:spMk id="55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13:02.906" v="172" actId="1036"/>
          <ac:spMkLst>
            <pc:docMk/>
            <pc:sldMk cId="1116912554" sldId="261"/>
            <ac:spMk id="57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5:37.540" v="60" actId="20577"/>
          <ac:spMkLst>
            <pc:docMk/>
            <pc:sldMk cId="1116912554" sldId="261"/>
            <ac:spMk id="58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5:35.665" v="59" actId="20577"/>
          <ac:spMkLst>
            <pc:docMk/>
            <pc:sldMk cId="1116912554" sldId="261"/>
            <ac:spMk id="59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5:28.923" v="56" actId="1076"/>
          <ac:spMkLst>
            <pc:docMk/>
            <pc:sldMk cId="1116912554" sldId="261"/>
            <ac:spMk id="62" creationId="{00000000-0000-0000-0000-000000000000}"/>
          </ac:spMkLst>
        </pc:spChg>
        <pc:grpChg chg="add mod">
          <ac:chgData name="Alan Wai Hou Lio" userId="4e2e7dda-a9a8-4e9f-8daf-fb8d3a66df36" providerId="ADAL" clId="{FD376C26-B4CF-41E1-87D9-A59DDF770948}" dt="2021-06-03T10:07:25.093" v="74" actId="14100"/>
          <ac:grpSpMkLst>
            <pc:docMk/>
            <pc:sldMk cId="1116912554" sldId="261"/>
            <ac:grpSpMk id="3" creationId="{F6F48400-9D0E-4472-8831-2BFFD0C131D0}"/>
          </ac:grpSpMkLst>
        </pc:grpChg>
        <pc:grpChg chg="add del mod">
          <ac:chgData name="Alan Wai Hou Lio" userId="4e2e7dda-a9a8-4e9f-8daf-fb8d3a66df36" providerId="ADAL" clId="{FD376C26-B4CF-41E1-87D9-A59DDF770948}" dt="2021-06-03T10:06:53.867" v="67" actId="478"/>
          <ac:grpSpMkLst>
            <pc:docMk/>
            <pc:sldMk cId="1116912554" sldId="261"/>
            <ac:grpSpMk id="15" creationId="{50907CB2-9A57-426D-B519-A4CBE790541E}"/>
          </ac:grpSpMkLst>
        </pc:grpChg>
        <pc:grpChg chg="add del mod">
          <ac:chgData name="Alan Wai Hou Lio" userId="4e2e7dda-a9a8-4e9f-8daf-fb8d3a66df36" providerId="ADAL" clId="{FD376C26-B4CF-41E1-87D9-A59DDF770948}" dt="2021-06-03T10:07:02.975" v="70" actId="478"/>
          <ac:grpSpMkLst>
            <pc:docMk/>
            <pc:sldMk cId="1116912554" sldId="261"/>
            <ac:grpSpMk id="18" creationId="{521C9987-82EE-4DC8-B8AE-93494D9CBD06}"/>
          </ac:grpSpMkLst>
        </pc:grpChg>
        <pc:picChg chg="add del mod">
          <ac:chgData name="Alan Wai Hou Lio" userId="4e2e7dda-a9a8-4e9f-8daf-fb8d3a66df36" providerId="ADAL" clId="{FD376C26-B4CF-41E1-87D9-A59DDF770948}" dt="2021-06-03T10:06:13.090" v="63"/>
          <ac:picMkLst>
            <pc:docMk/>
            <pc:sldMk cId="1116912554" sldId="261"/>
            <ac:picMk id="12" creationId="{48E8B0FB-3516-4F98-9877-6496D27510FA}"/>
          </ac:picMkLst>
        </pc:picChg>
        <pc:picChg chg="add mod">
          <ac:chgData name="Alan Wai Hou Lio" userId="4e2e7dda-a9a8-4e9f-8daf-fb8d3a66df36" providerId="ADAL" clId="{FD376C26-B4CF-41E1-87D9-A59DDF770948}" dt="2021-06-03T10:07:25.093" v="74" actId="14100"/>
          <ac:picMkLst>
            <pc:docMk/>
            <pc:sldMk cId="1116912554" sldId="261"/>
            <ac:picMk id="13" creationId="{182ADE30-BA3F-4000-89E5-DB01F854C4C7}"/>
          </ac:picMkLst>
        </pc:picChg>
        <pc:picChg chg="mod">
          <ac:chgData name="Alan Wai Hou Lio" userId="4e2e7dda-a9a8-4e9f-8daf-fb8d3a66df36" providerId="ADAL" clId="{FD376C26-B4CF-41E1-87D9-A59DDF770948}" dt="2021-06-03T10:12:40.378" v="156" actId="1076"/>
          <ac:picMkLst>
            <pc:docMk/>
            <pc:sldMk cId="1116912554" sldId="261"/>
            <ac:picMk id="53" creationId="{00000000-0000-0000-0000-000000000000}"/>
          </ac:picMkLst>
        </pc:picChg>
        <pc:picChg chg="del mod">
          <ac:chgData name="Alan Wai Hou Lio" userId="4e2e7dda-a9a8-4e9f-8daf-fb8d3a66df36" providerId="ADAL" clId="{FD376C26-B4CF-41E1-87D9-A59DDF770948}" dt="2021-06-03T10:06:46.668" v="64" actId="478"/>
          <ac:picMkLst>
            <pc:docMk/>
            <pc:sldMk cId="1116912554" sldId="261"/>
            <ac:picMk id="63" creationId="{00000000-0000-0000-0000-000000000000}"/>
          </ac:picMkLst>
        </pc:picChg>
        <pc:cxnChg chg="add del mod">
          <ac:chgData name="Alan Wai Hou Lio" userId="4e2e7dda-a9a8-4e9f-8daf-fb8d3a66df36" providerId="ADAL" clId="{FD376C26-B4CF-41E1-87D9-A59DDF770948}" dt="2021-06-03T10:07:07.377" v="72" actId="478"/>
          <ac:cxnSpMkLst>
            <pc:docMk/>
            <pc:sldMk cId="1116912554" sldId="261"/>
            <ac:cxnSpMk id="24" creationId="{66C91F95-AD40-41D2-BDF7-E074C217B200}"/>
          </ac:cxnSpMkLst>
        </pc:cxnChg>
      </pc:sldChg>
      <pc:sldChg chg="delSp modSp add mod">
        <pc:chgData name="Alan Wai Hou Lio" userId="4e2e7dda-a9a8-4e9f-8daf-fb8d3a66df36" providerId="ADAL" clId="{FD376C26-B4CF-41E1-87D9-A59DDF770948}" dt="2021-06-08T14:03:47.907" v="4269" actId="20577"/>
        <pc:sldMkLst>
          <pc:docMk/>
          <pc:sldMk cId="1976450084" sldId="262"/>
        </pc:sldMkLst>
        <pc:spChg chg="mod">
          <ac:chgData name="Alan Wai Hou Lio" userId="4e2e7dda-a9a8-4e9f-8daf-fb8d3a66df36" providerId="ADAL" clId="{FD376C26-B4CF-41E1-87D9-A59DDF770948}" dt="2021-06-03T14:51:10.786" v="3624" actId="20577"/>
          <ac:spMkLst>
            <pc:docMk/>
            <pc:sldMk cId="1976450084" sldId="262"/>
            <ac:spMk id="2" creationId="{3E092035-269C-4A01-92F1-5DA339ACA0D1}"/>
          </ac:spMkLst>
        </pc:spChg>
        <pc:spChg chg="mod">
          <ac:chgData name="Alan Wai Hou Lio" userId="4e2e7dda-a9a8-4e9f-8daf-fb8d3a66df36" providerId="ADAL" clId="{FD376C26-B4CF-41E1-87D9-A59DDF770948}" dt="2021-06-03T13:42:13.482" v="3057" actId="20577"/>
          <ac:spMkLst>
            <pc:docMk/>
            <pc:sldMk cId="1976450084" sldId="262"/>
            <ac:spMk id="3" creationId="{B3CE353D-75A1-4956-87D1-0B83D1B60104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20" creationId="{69EFEC86-2721-4E25-9144-59B7117BDEBE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21" creationId="{6CDE4694-4558-432F-894C-E7F79212F7A6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22" creationId="{452E50C7-238D-483F-BAAC-5CE416ACC4E5}"/>
          </ac:spMkLst>
        </pc:spChg>
        <pc:spChg chg="mod">
          <ac:chgData name="Alan Wai Hou Lio" userId="4e2e7dda-a9a8-4e9f-8daf-fb8d3a66df36" providerId="ADAL" clId="{FD376C26-B4CF-41E1-87D9-A59DDF770948}" dt="2021-06-08T14:03:44.012" v="4266" actId="20577"/>
          <ac:spMkLst>
            <pc:docMk/>
            <pc:sldMk cId="1976450084" sldId="262"/>
            <ac:spMk id="29" creationId="{F501F9F5-647C-416A-AC19-35D2C6395722}"/>
          </ac:spMkLst>
        </pc:spChg>
        <pc:spChg chg="mod">
          <ac:chgData name="Alan Wai Hou Lio" userId="4e2e7dda-a9a8-4e9f-8daf-fb8d3a66df36" providerId="ADAL" clId="{FD376C26-B4CF-41E1-87D9-A59DDF770948}" dt="2021-06-08T14:03:47.907" v="4269" actId="20577"/>
          <ac:spMkLst>
            <pc:docMk/>
            <pc:sldMk cId="1976450084" sldId="262"/>
            <ac:spMk id="37" creationId="{B4B2DB05-BD36-46E0-B688-D2C4AB03E31D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39" creationId="{697EADD6-9149-4292-A411-DAB42F6999A1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43" creationId="{7C495BFD-F3FE-4FA8-9E9E-C0DD12DCD0BA}"/>
          </ac:spMkLst>
        </pc:spChg>
        <pc:spChg chg="del">
          <ac:chgData name="Alan Wai Hou Lio" userId="4e2e7dda-a9a8-4e9f-8daf-fb8d3a66df36" providerId="ADAL" clId="{FD376C26-B4CF-41E1-87D9-A59DDF770948}" dt="2021-06-03T13:42:51.656" v="3065" actId="478"/>
          <ac:spMkLst>
            <pc:docMk/>
            <pc:sldMk cId="1976450084" sldId="262"/>
            <ac:spMk id="47" creationId="{B4853389-7AC3-4901-BC1E-465482D17461}"/>
          </ac:spMkLst>
        </pc:spChg>
        <pc:spChg chg="del">
          <ac:chgData name="Alan Wai Hou Lio" userId="4e2e7dda-a9a8-4e9f-8daf-fb8d3a66df36" providerId="ADAL" clId="{FD376C26-B4CF-41E1-87D9-A59DDF770948}" dt="2021-06-03T13:42:52.388" v="3066" actId="478"/>
          <ac:spMkLst>
            <pc:docMk/>
            <pc:sldMk cId="1976450084" sldId="262"/>
            <ac:spMk id="48" creationId="{AC1C82F0-F48C-47B7-9FCA-1471C5D606BC}"/>
          </ac:spMkLst>
        </pc:spChg>
        <pc:grpChg chg="del">
          <ac:chgData name="Alan Wai Hou Lio" userId="4e2e7dda-a9a8-4e9f-8daf-fb8d3a66df36" providerId="ADAL" clId="{FD376C26-B4CF-41E1-87D9-A59DDF770948}" dt="2021-06-03T13:42:50.446" v="3064" actId="478"/>
          <ac:grpSpMkLst>
            <pc:docMk/>
            <pc:sldMk cId="1976450084" sldId="262"/>
            <ac:grpSpMk id="15" creationId="{8624927B-1CE1-46FF-90AA-447D45FB7202}"/>
          </ac:grpSpMkLst>
        </pc:grpChg>
        <pc:grpChg chg="mod">
          <ac:chgData name="Alan Wai Hou Lio" userId="4e2e7dda-a9a8-4e9f-8daf-fb8d3a66df36" providerId="ADAL" clId="{FD376C26-B4CF-41E1-87D9-A59DDF770948}" dt="2021-06-03T13:42:58.591" v="3072" actId="1035"/>
          <ac:grpSpMkLst>
            <pc:docMk/>
            <pc:sldMk cId="1976450084" sldId="262"/>
            <ac:grpSpMk id="23" creationId="{ADFD1F55-0AAE-4A5F-98B2-097CF68FCD64}"/>
          </ac:grpSpMkLst>
        </pc:grpChg>
        <pc:cxnChg chg="mod">
          <ac:chgData name="Alan Wai Hou Lio" userId="4e2e7dda-a9a8-4e9f-8daf-fb8d3a66df36" providerId="ADAL" clId="{FD376C26-B4CF-41E1-87D9-A59DDF770948}" dt="2021-06-03T13:42:58.591" v="3072" actId="1035"/>
          <ac:cxnSpMkLst>
            <pc:docMk/>
            <pc:sldMk cId="1976450084" sldId="262"/>
            <ac:cxnSpMk id="45" creationId="{5A00468A-6473-48ED-9A47-9E151B2F6630}"/>
          </ac:cxnSpMkLst>
        </pc:cxnChg>
      </pc:sldChg>
      <pc:sldChg chg="addSp delSp modSp del mod">
        <pc:chgData name="Alan Wai Hou Lio" userId="4e2e7dda-a9a8-4e9f-8daf-fb8d3a66df36" providerId="ADAL" clId="{FD376C26-B4CF-41E1-87D9-A59DDF770948}" dt="2021-06-03T10:13:25.437" v="173" actId="47"/>
        <pc:sldMkLst>
          <pc:docMk/>
          <pc:sldMk cId="3826915553" sldId="262"/>
        </pc:sldMkLst>
        <pc:spChg chg="add mod">
          <ac:chgData name="Alan Wai Hou Lio" userId="4e2e7dda-a9a8-4e9f-8daf-fb8d3a66df36" providerId="ADAL" clId="{FD376C26-B4CF-41E1-87D9-A59DDF770948}" dt="2021-06-03T10:08:26.138" v="94" actId="5793"/>
          <ac:spMkLst>
            <pc:docMk/>
            <pc:sldMk cId="3826915553" sldId="262"/>
            <ac:spMk id="2" creationId="{C0A7B615-A80B-4359-80F4-D812B56CCBA1}"/>
          </ac:spMkLst>
        </pc:spChg>
        <pc:spChg chg="mod">
          <ac:chgData name="Alan Wai Hou Lio" userId="4e2e7dda-a9a8-4e9f-8daf-fb8d3a66df36" providerId="ADAL" clId="{FD376C26-B4CF-41E1-87D9-A59DDF770948}" dt="2021-06-03T10:08:20.400" v="93" actId="1035"/>
          <ac:spMkLst>
            <pc:docMk/>
            <pc:sldMk cId="3826915553" sldId="262"/>
            <ac:spMk id="8" creationId="{AD878908-2D26-485B-98F2-900692FE6EB8}"/>
          </ac:spMkLst>
        </pc:spChg>
        <pc:spChg chg="mod">
          <ac:chgData name="Alan Wai Hou Lio" userId="4e2e7dda-a9a8-4e9f-8daf-fb8d3a66df36" providerId="ADAL" clId="{FD376C26-B4CF-41E1-87D9-A59DDF770948}" dt="2021-06-03T10:08:20.400" v="93" actId="1035"/>
          <ac:spMkLst>
            <pc:docMk/>
            <pc:sldMk cId="3826915553" sldId="262"/>
            <ac:spMk id="9" creationId="{5EFC6EF1-D0C2-42D5-929B-27C61608834F}"/>
          </ac:spMkLst>
        </pc:spChg>
        <pc:spChg chg="mod">
          <ac:chgData name="Alan Wai Hou Lio" userId="4e2e7dda-a9a8-4e9f-8daf-fb8d3a66df36" providerId="ADAL" clId="{FD376C26-B4CF-41E1-87D9-A59DDF770948}" dt="2021-06-03T10:08:20.400" v="93" actId="1035"/>
          <ac:spMkLst>
            <pc:docMk/>
            <pc:sldMk cId="3826915553" sldId="262"/>
            <ac:spMk id="10" creationId="{B6B474CE-24D1-41C8-AD99-9FAD99ED129D}"/>
          </ac:spMkLst>
        </pc:spChg>
        <pc:grpChg chg="add mod">
          <ac:chgData name="Alan Wai Hou Lio" userId="4e2e7dda-a9a8-4e9f-8daf-fb8d3a66df36" providerId="ADAL" clId="{FD376C26-B4CF-41E1-87D9-A59DDF770948}" dt="2021-06-03T10:08:20.400" v="93" actId="1035"/>
          <ac:grpSpMkLst>
            <pc:docMk/>
            <pc:sldMk cId="3826915553" sldId="262"/>
            <ac:grpSpMk id="6" creationId="{DEB1E6EF-30FB-40FE-AAF3-A8A1BCB53F00}"/>
          </ac:grpSpMkLst>
        </pc:grpChg>
        <pc:picChg chg="mod">
          <ac:chgData name="Alan Wai Hou Lio" userId="4e2e7dda-a9a8-4e9f-8daf-fb8d3a66df36" providerId="ADAL" clId="{FD376C26-B4CF-41E1-87D9-A59DDF770948}" dt="2021-06-03T10:08:20.400" v="93" actId="1035"/>
          <ac:picMkLst>
            <pc:docMk/>
            <pc:sldMk cId="3826915553" sldId="262"/>
            <ac:picMk id="7" creationId="{2A303A58-F2CC-49F7-BFE1-941DE7C23544}"/>
          </ac:picMkLst>
        </pc:picChg>
        <pc:picChg chg="del">
          <ac:chgData name="Alan Wai Hou Lio" userId="4e2e7dda-a9a8-4e9f-8daf-fb8d3a66df36" providerId="ADAL" clId="{FD376C26-B4CF-41E1-87D9-A59DDF770948}" dt="2021-06-03T10:07:29.697" v="76" actId="478"/>
          <ac:picMkLst>
            <pc:docMk/>
            <pc:sldMk cId="3826915553" sldId="262"/>
            <ac:picMk id="34" creationId="{00000000-0000-0000-0000-000000000000}"/>
          </ac:picMkLst>
        </pc:picChg>
      </pc:sldChg>
      <pc:sldChg chg="addSp delSp modSp mod ord modAnim">
        <pc:chgData name="Alan Wai Hou Lio" userId="4e2e7dda-a9a8-4e9f-8daf-fb8d3a66df36" providerId="ADAL" clId="{FD376C26-B4CF-41E1-87D9-A59DDF770948}" dt="2021-06-03T12:28:51.735" v="1655"/>
        <pc:sldMkLst>
          <pc:docMk/>
          <pc:sldMk cId="1103038777" sldId="263"/>
        </pc:sldMkLst>
        <pc:spChg chg="add del mod">
          <ac:chgData name="Alan Wai Hou Lio" userId="4e2e7dda-a9a8-4e9f-8daf-fb8d3a66df36" providerId="ADAL" clId="{FD376C26-B4CF-41E1-87D9-A59DDF770948}" dt="2021-06-03T10:17:34.598" v="259"/>
          <ac:spMkLst>
            <pc:docMk/>
            <pc:sldMk cId="1103038777" sldId="263"/>
            <ac:spMk id="2" creationId="{425259A9-8A59-4C9E-BD00-96D7B7B1A16B}"/>
          </ac:spMkLst>
        </pc:spChg>
        <pc:spChg chg="add mod">
          <ac:chgData name="Alan Wai Hou Lio" userId="4e2e7dda-a9a8-4e9f-8daf-fb8d3a66df36" providerId="ADAL" clId="{FD376C26-B4CF-41E1-87D9-A59DDF770948}" dt="2021-06-03T10:17:51.441" v="265" actId="1076"/>
          <ac:spMkLst>
            <pc:docMk/>
            <pc:sldMk cId="1103038777" sldId="263"/>
            <ac:spMk id="13" creationId="{089D182C-B2B1-46A0-A9A7-A98EC4B8FBCB}"/>
          </ac:spMkLst>
        </pc:spChg>
        <pc:spChg chg="add mod">
          <ac:chgData name="Alan Wai Hou Lio" userId="4e2e7dda-a9a8-4e9f-8daf-fb8d3a66df36" providerId="ADAL" clId="{FD376C26-B4CF-41E1-87D9-A59DDF770948}" dt="2021-06-03T10:28:18.386" v="444" actId="14100"/>
          <ac:spMkLst>
            <pc:docMk/>
            <pc:sldMk cId="1103038777" sldId="263"/>
            <ac:spMk id="15" creationId="{132C75A1-960F-4340-846E-C2CCF9F786A2}"/>
          </ac:spMkLst>
        </pc:spChg>
        <pc:spChg chg="mod">
          <ac:chgData name="Alan Wai Hou Lio" userId="4e2e7dda-a9a8-4e9f-8daf-fb8d3a66df36" providerId="ADAL" clId="{FD376C26-B4CF-41E1-87D9-A59DDF770948}" dt="2021-06-03T10:26:25.694" v="418" actId="20577"/>
          <ac:spMkLst>
            <pc:docMk/>
            <pc:sldMk cId="1103038777" sldId="263"/>
            <ac:spMk id="30" creationId="{00000000-0000-0000-0000-000000000000}"/>
          </ac:spMkLst>
        </pc:spChg>
        <pc:grpChg chg="del">
          <ac:chgData name="Alan Wai Hou Lio" userId="4e2e7dda-a9a8-4e9f-8daf-fb8d3a66df36" providerId="ADAL" clId="{FD376C26-B4CF-41E1-87D9-A59DDF770948}" dt="2021-06-03T10:28:01.226" v="437" actId="478"/>
          <ac:grpSpMkLst>
            <pc:docMk/>
            <pc:sldMk cId="1103038777" sldId="263"/>
            <ac:grpSpMk id="33" creationId="{00000000-0000-0000-0000-000000000000}"/>
          </ac:grpSpMkLst>
        </pc:grpChg>
        <pc:picChg chg="add mod">
          <ac:chgData name="Alan Wai Hou Lio" userId="4e2e7dda-a9a8-4e9f-8daf-fb8d3a66df36" providerId="ADAL" clId="{FD376C26-B4CF-41E1-87D9-A59DDF770948}" dt="2021-06-03T10:28:07.140" v="440" actId="14100"/>
          <ac:picMkLst>
            <pc:docMk/>
            <pc:sldMk cId="1103038777" sldId="263"/>
            <ac:picMk id="14" creationId="{DAF932BE-5C68-4E07-8411-06EEB30D3D28}"/>
          </ac:picMkLst>
        </pc:picChg>
      </pc:sldChg>
      <pc:sldChg chg="addSp delSp modSp mod ord delAnim modAnim">
        <pc:chgData name="Alan Wai Hou Lio" userId="4e2e7dda-a9a8-4e9f-8daf-fb8d3a66df36" providerId="ADAL" clId="{FD376C26-B4CF-41E1-87D9-A59DDF770948}" dt="2021-06-03T13:44:34.403" v="3088"/>
        <pc:sldMkLst>
          <pc:docMk/>
          <pc:sldMk cId="1067254325" sldId="264"/>
        </pc:sldMkLst>
        <pc:spChg chg="add mod">
          <ac:chgData name="Alan Wai Hou Lio" userId="4e2e7dda-a9a8-4e9f-8daf-fb8d3a66df36" providerId="ADAL" clId="{FD376C26-B4CF-41E1-87D9-A59DDF770948}" dt="2021-06-03T13:44:07.536" v="3084"/>
          <ac:spMkLst>
            <pc:docMk/>
            <pc:sldMk cId="1067254325" sldId="264"/>
            <ac:spMk id="20" creationId="{355F3DCB-FE1A-4406-851C-5A81D3C955B7}"/>
          </ac:spMkLst>
        </pc:spChg>
        <pc:spChg chg="mod">
          <ac:chgData name="Alan Wai Hou Lio" userId="4e2e7dda-a9a8-4e9f-8daf-fb8d3a66df36" providerId="ADAL" clId="{FD376C26-B4CF-41E1-87D9-A59DDF770948}" dt="2021-06-03T13:43:42.887" v="3076" actId="6549"/>
          <ac:spMkLst>
            <pc:docMk/>
            <pc:sldMk cId="1067254325" sldId="264"/>
            <ac:spMk id="36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3:43:53.589" v="3082" actId="20577"/>
          <ac:spMkLst>
            <pc:docMk/>
            <pc:sldMk cId="1067254325" sldId="264"/>
            <ac:spMk id="37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8.334" v="3080" actId="478"/>
          <ac:spMkLst>
            <pc:docMk/>
            <pc:sldMk cId="1067254325" sldId="264"/>
            <ac:spMk id="39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8.334" v="3080" actId="478"/>
          <ac:spMkLst>
            <pc:docMk/>
            <pc:sldMk cId="1067254325" sldId="264"/>
            <ac:spMk id="40" creationId="{00000000-0000-0000-0000-000000000000}"/>
          </ac:spMkLst>
        </pc:spChg>
        <pc:spChg chg="del mod">
          <ac:chgData name="Alan Wai Hou Lio" userId="4e2e7dda-a9a8-4e9f-8daf-fb8d3a66df36" providerId="ADAL" clId="{FD376C26-B4CF-41E1-87D9-A59DDF770948}" dt="2021-06-03T13:43:45.472" v="3078" actId="478"/>
          <ac:spMkLst>
            <pc:docMk/>
            <pc:sldMk cId="1067254325" sldId="264"/>
            <ac:spMk id="43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8.334" v="3080" actId="478"/>
          <ac:spMkLst>
            <pc:docMk/>
            <pc:sldMk cId="1067254325" sldId="264"/>
            <ac:spMk id="44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9.231" v="3081" actId="478"/>
          <ac:spMkLst>
            <pc:docMk/>
            <pc:sldMk cId="1067254325" sldId="264"/>
            <ac:spMk id="48" creationId="{00000000-0000-0000-0000-000000000000}"/>
          </ac:spMkLst>
        </pc:spChg>
        <pc:grpChg chg="del">
          <ac:chgData name="Alan Wai Hou Lio" userId="4e2e7dda-a9a8-4e9f-8daf-fb8d3a66df36" providerId="ADAL" clId="{FD376C26-B4CF-41E1-87D9-A59DDF770948}" dt="2021-06-03T13:44:06.918" v="3083" actId="478"/>
          <ac:grpSpMkLst>
            <pc:docMk/>
            <pc:sldMk cId="1067254325" sldId="264"/>
            <ac:grpSpMk id="45" creationId="{00000000-0000-0000-0000-000000000000}"/>
          </ac:grpSpMkLst>
        </pc:grpChg>
        <pc:grpChg chg="del">
          <ac:chgData name="Alan Wai Hou Lio" userId="4e2e7dda-a9a8-4e9f-8daf-fb8d3a66df36" providerId="ADAL" clId="{FD376C26-B4CF-41E1-87D9-A59DDF770948}" dt="2021-06-03T13:43:48.334" v="3080" actId="478"/>
          <ac:grpSpMkLst>
            <pc:docMk/>
            <pc:sldMk cId="1067254325" sldId="264"/>
            <ac:grpSpMk id="49" creationId="{00000000-0000-0000-0000-000000000000}"/>
          </ac:grpSpMkLst>
        </pc:grpChg>
        <pc:picChg chg="add mod">
          <ac:chgData name="Alan Wai Hou Lio" userId="4e2e7dda-a9a8-4e9f-8daf-fb8d3a66df36" providerId="ADAL" clId="{FD376C26-B4CF-41E1-87D9-A59DDF770948}" dt="2021-06-03T13:44:07.536" v="3084"/>
          <ac:picMkLst>
            <pc:docMk/>
            <pc:sldMk cId="1067254325" sldId="264"/>
            <ac:picMk id="19" creationId="{ADD2E505-0670-4670-B3AF-9D5AB0F6615E}"/>
          </ac:picMkLst>
        </pc:picChg>
        <pc:cxnChg chg="del">
          <ac:chgData name="Alan Wai Hou Lio" userId="4e2e7dda-a9a8-4e9f-8daf-fb8d3a66df36" providerId="ADAL" clId="{FD376C26-B4CF-41E1-87D9-A59DDF770948}" dt="2021-06-03T13:43:46.653" v="3079" actId="478"/>
          <ac:cxnSpMkLst>
            <pc:docMk/>
            <pc:sldMk cId="1067254325" sldId="264"/>
            <ac:cxnSpMk id="41" creationId="{00000000-0000-0000-0000-000000000000}"/>
          </ac:cxnSpMkLst>
        </pc:cxnChg>
        <pc:cxnChg chg="del">
          <ac:chgData name="Alan Wai Hou Lio" userId="4e2e7dda-a9a8-4e9f-8daf-fb8d3a66df36" providerId="ADAL" clId="{FD376C26-B4CF-41E1-87D9-A59DDF770948}" dt="2021-06-03T13:43:48.334" v="3080" actId="478"/>
          <ac:cxnSpMkLst>
            <pc:docMk/>
            <pc:sldMk cId="1067254325" sldId="264"/>
            <ac:cxnSpMk id="42" creationId="{00000000-0000-0000-0000-000000000000}"/>
          </ac:cxnSpMkLst>
        </pc:cxnChg>
      </pc:sldChg>
      <pc:sldChg chg="addSp delSp modSp mod">
        <pc:chgData name="Alan Wai Hou Lio" userId="4e2e7dda-a9a8-4e9f-8daf-fb8d3a66df36" providerId="ADAL" clId="{FD376C26-B4CF-41E1-87D9-A59DDF770948}" dt="2021-06-03T14:51:07.418" v="3623" actId="20577"/>
        <pc:sldMkLst>
          <pc:docMk/>
          <pc:sldMk cId="1859971929" sldId="265"/>
        </pc:sldMkLst>
        <pc:spChg chg="add del mod">
          <ac:chgData name="Alan Wai Hou Lio" userId="4e2e7dda-a9a8-4e9f-8daf-fb8d3a66df36" providerId="ADAL" clId="{FD376C26-B4CF-41E1-87D9-A59DDF770948}" dt="2021-06-03T14:03:03.314" v="3097"/>
          <ac:spMkLst>
            <pc:docMk/>
            <pc:sldMk cId="1859971929" sldId="265"/>
            <ac:spMk id="2" creationId="{4C01A706-2EDB-4BC0-BCCF-C13E7C110DDE}"/>
          </ac:spMkLst>
        </pc:spChg>
        <pc:spChg chg="add del mod">
          <ac:chgData name="Alan Wai Hou Lio" userId="4e2e7dda-a9a8-4e9f-8daf-fb8d3a66df36" providerId="ADAL" clId="{FD376C26-B4CF-41E1-87D9-A59DDF770948}" dt="2021-06-03T14:03:05.355" v="3099"/>
          <ac:spMkLst>
            <pc:docMk/>
            <pc:sldMk cId="1859971929" sldId="265"/>
            <ac:spMk id="3" creationId="{B8ACEFE4-8F37-4348-B6E8-2895C7EDF73F}"/>
          </ac:spMkLst>
        </pc:spChg>
        <pc:spChg chg="add del mod">
          <ac:chgData name="Alan Wai Hou Lio" userId="4e2e7dda-a9a8-4e9f-8daf-fb8d3a66df36" providerId="ADAL" clId="{FD376C26-B4CF-41E1-87D9-A59DDF770948}" dt="2021-06-03T14:19:57.705" v="3128" actId="478"/>
          <ac:spMkLst>
            <pc:docMk/>
            <pc:sldMk cId="1859971929" sldId="265"/>
            <ac:spMk id="4" creationId="{8B66E219-314F-4F73-9146-B3E4E349677C}"/>
          </ac:spMkLst>
        </pc:spChg>
        <pc:spChg chg="add mod">
          <ac:chgData name="Alan Wai Hou Lio" userId="4e2e7dda-a9a8-4e9f-8daf-fb8d3a66df36" providerId="ADAL" clId="{FD376C26-B4CF-41E1-87D9-A59DDF770948}" dt="2021-06-03T14:19:41.109" v="3123" actId="1076"/>
          <ac:spMkLst>
            <pc:docMk/>
            <pc:sldMk cId="1859971929" sldId="265"/>
            <ac:spMk id="6" creationId="{682F4B0F-FC0E-4838-AC6B-A1FF0D7434E7}"/>
          </ac:spMkLst>
        </pc:spChg>
        <pc:spChg chg="add mod">
          <ac:chgData name="Alan Wai Hou Lio" userId="4e2e7dda-a9a8-4e9f-8daf-fb8d3a66df36" providerId="ADAL" clId="{FD376C26-B4CF-41E1-87D9-A59DDF770948}" dt="2021-06-03T14:22:21.623" v="3194" actId="14100"/>
          <ac:spMkLst>
            <pc:docMk/>
            <pc:sldMk cId="1859971929" sldId="265"/>
            <ac:spMk id="8" creationId="{0315163F-4BD9-4D04-ADF7-CFB6561B00E5}"/>
          </ac:spMkLst>
        </pc:spChg>
        <pc:spChg chg="add mod">
          <ac:chgData name="Alan Wai Hou Lio" userId="4e2e7dda-a9a8-4e9f-8daf-fb8d3a66df36" providerId="ADAL" clId="{FD376C26-B4CF-41E1-87D9-A59DDF770948}" dt="2021-06-03T14:22:27.247" v="3196" actId="1076"/>
          <ac:spMkLst>
            <pc:docMk/>
            <pc:sldMk cId="1859971929" sldId="265"/>
            <ac:spMk id="11" creationId="{FC033322-8DCD-4CBB-A25B-EC21C04BA748}"/>
          </ac:spMkLst>
        </pc:spChg>
        <pc:spChg chg="add mod">
          <ac:chgData name="Alan Wai Hou Lio" userId="4e2e7dda-a9a8-4e9f-8daf-fb8d3a66df36" providerId="ADAL" clId="{FD376C26-B4CF-41E1-87D9-A59DDF770948}" dt="2021-06-03T14:22:40.247" v="3200" actId="1076"/>
          <ac:spMkLst>
            <pc:docMk/>
            <pc:sldMk cId="1859971929" sldId="265"/>
            <ac:spMk id="12" creationId="{5C71DC3E-E73D-40BB-9F56-E781FD17DEA3}"/>
          </ac:spMkLst>
        </pc:spChg>
        <pc:spChg chg="mod">
          <ac:chgData name="Alan Wai Hou Lio" userId="4e2e7dda-a9a8-4e9f-8daf-fb8d3a66df36" providerId="ADAL" clId="{FD376C26-B4CF-41E1-87D9-A59DDF770948}" dt="2021-06-03T14:51:07.418" v="3623" actId="20577"/>
          <ac:spMkLst>
            <pc:docMk/>
            <pc:sldMk cId="1859971929" sldId="265"/>
            <ac:spMk id="16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4:44:23.319" v="3307" actId="20577"/>
          <ac:spMkLst>
            <pc:docMk/>
            <pc:sldMk cId="1859971929" sldId="265"/>
            <ac:spMk id="17" creationId="{00000000-0000-0000-0000-000000000000}"/>
          </ac:spMkLst>
        </pc:spChg>
        <pc:picChg chg="add mod">
          <ac:chgData name="Alan Wai Hou Lio" userId="4e2e7dda-a9a8-4e9f-8daf-fb8d3a66df36" providerId="ADAL" clId="{FD376C26-B4CF-41E1-87D9-A59DDF770948}" dt="2021-06-03T14:22:17.697" v="3193" actId="1076"/>
          <ac:picMkLst>
            <pc:docMk/>
            <pc:sldMk cId="1859971929" sldId="265"/>
            <ac:picMk id="7" creationId="{B2AF7D82-51C1-4600-90F5-EA81BF4DFEB0}"/>
          </ac:picMkLst>
        </pc:picChg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718484580" sldId="266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930659116" sldId="267"/>
        </pc:sldMkLst>
      </pc:sldChg>
      <pc:sldChg chg="addSp delSp modSp mod delAnim modAnim">
        <pc:chgData name="Alan Wai Hou Lio" userId="4e2e7dda-a9a8-4e9f-8daf-fb8d3a66df36" providerId="ADAL" clId="{FD376C26-B4CF-41E1-87D9-A59DDF770948}" dt="2021-06-03T14:51:03.847" v="3622" actId="20577"/>
        <pc:sldMkLst>
          <pc:docMk/>
          <pc:sldMk cId="3175162259" sldId="269"/>
        </pc:sldMkLst>
        <pc:spChg chg="mod">
          <ac:chgData name="Alan Wai Hou Lio" userId="4e2e7dda-a9a8-4e9f-8daf-fb8d3a66df36" providerId="ADAL" clId="{FD376C26-B4CF-41E1-87D9-A59DDF770948}" dt="2021-06-03T14:43:13.206" v="3251" actId="20577"/>
          <ac:spMkLst>
            <pc:docMk/>
            <pc:sldMk cId="3175162259" sldId="269"/>
            <ac:spMk id="8" creationId="{00000000-0000-0000-0000-000000000000}"/>
          </ac:spMkLst>
        </pc:spChg>
        <pc:spChg chg="add mod">
          <ac:chgData name="Alan Wai Hou Lio" userId="4e2e7dda-a9a8-4e9f-8daf-fb8d3a66df36" providerId="ADAL" clId="{FD376C26-B4CF-41E1-87D9-A59DDF770948}" dt="2021-06-03T14:44:05.565" v="3299" actId="1076"/>
          <ac:spMkLst>
            <pc:docMk/>
            <pc:sldMk cId="3175162259" sldId="269"/>
            <ac:spMk id="9" creationId="{C26AD52E-AA04-413A-A0C1-247281009CEE}"/>
          </ac:spMkLst>
        </pc:spChg>
        <pc:spChg chg="mod">
          <ac:chgData name="Alan Wai Hou Lio" userId="4e2e7dda-a9a8-4e9f-8daf-fb8d3a66df36" providerId="ADAL" clId="{FD376C26-B4CF-41E1-87D9-A59DDF770948}" dt="2021-06-03T14:51:03.847" v="3622" actId="20577"/>
          <ac:spMkLst>
            <pc:docMk/>
            <pc:sldMk cId="3175162259" sldId="269"/>
            <ac:spMk id="18" creationId="{00000000-0000-0000-0000-000000000000}"/>
          </ac:spMkLst>
        </pc:spChg>
        <pc:spChg chg="del mod">
          <ac:chgData name="Alan Wai Hou Lio" userId="4e2e7dda-a9a8-4e9f-8daf-fb8d3a66df36" providerId="ADAL" clId="{FD376C26-B4CF-41E1-87D9-A59DDF770948}" dt="2021-06-03T14:24:31.833" v="3210" actId="478"/>
          <ac:spMkLst>
            <pc:docMk/>
            <pc:sldMk cId="3175162259" sldId="269"/>
            <ac:spMk id="21" creationId="{00000000-0000-0000-0000-000000000000}"/>
          </ac:spMkLst>
        </pc:spChg>
        <pc:picChg chg="del">
          <ac:chgData name="Alan Wai Hou Lio" userId="4e2e7dda-a9a8-4e9f-8daf-fb8d3a66df36" providerId="ADAL" clId="{FD376C26-B4CF-41E1-87D9-A59DDF770948}" dt="2021-06-03T14:24:23.457" v="3204" actId="478"/>
          <ac:picMkLst>
            <pc:docMk/>
            <pc:sldMk cId="3175162259" sldId="269"/>
            <ac:picMk id="2" creationId="{00000000-0000-0000-0000-000000000000}"/>
          </ac:picMkLst>
        </pc:picChg>
        <pc:picChg chg="add mod">
          <ac:chgData name="Alan Wai Hou Lio" userId="4e2e7dda-a9a8-4e9f-8daf-fb8d3a66df36" providerId="ADAL" clId="{FD376C26-B4CF-41E1-87D9-A59DDF770948}" dt="2021-06-03T14:43:05.294" v="3248" actId="1076"/>
          <ac:picMkLst>
            <pc:docMk/>
            <pc:sldMk cId="3175162259" sldId="269"/>
            <ac:picMk id="3" creationId="{4D82F421-C2AE-4A16-A581-95B3F82B2CD7}"/>
          </ac:picMkLst>
        </pc:picChg>
        <pc:picChg chg="del">
          <ac:chgData name="Alan Wai Hou Lio" userId="4e2e7dda-a9a8-4e9f-8daf-fb8d3a66df36" providerId="ADAL" clId="{FD376C26-B4CF-41E1-87D9-A59DDF770948}" dt="2021-06-03T14:24:22.426" v="3202" actId="478"/>
          <ac:picMkLst>
            <pc:docMk/>
            <pc:sldMk cId="3175162259" sldId="269"/>
            <ac:picMk id="6" creationId="{00000000-0000-0000-0000-000000000000}"/>
          </ac:picMkLst>
        </pc:picChg>
        <pc:picChg chg="del">
          <ac:chgData name="Alan Wai Hou Lio" userId="4e2e7dda-a9a8-4e9f-8daf-fb8d3a66df36" providerId="ADAL" clId="{FD376C26-B4CF-41E1-87D9-A59DDF770948}" dt="2021-06-03T14:24:22.970" v="3203" actId="478"/>
          <ac:picMkLst>
            <pc:docMk/>
            <pc:sldMk cId="3175162259" sldId="269"/>
            <ac:picMk id="7" creationId="{00000000-0000-0000-0000-000000000000}"/>
          </ac:picMkLst>
        </pc:picChg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524191745" sldId="271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094197980" sldId="272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680437870" sldId="273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800289730" sldId="274"/>
        </pc:sldMkLst>
      </pc:sldChg>
      <pc:sldChg chg="modSp mod">
        <pc:chgData name="Alan Wai Hou Lio" userId="4e2e7dda-a9a8-4e9f-8daf-fb8d3a66df36" providerId="ADAL" clId="{FD376C26-B4CF-41E1-87D9-A59DDF770948}" dt="2021-06-03T15:00:18.161" v="3926" actId="20577"/>
        <pc:sldMkLst>
          <pc:docMk/>
          <pc:sldMk cId="3717669386" sldId="275"/>
        </pc:sldMkLst>
        <pc:spChg chg="mod">
          <ac:chgData name="Alan Wai Hou Lio" userId="4e2e7dda-a9a8-4e9f-8daf-fb8d3a66df36" providerId="ADAL" clId="{FD376C26-B4CF-41E1-87D9-A59DDF770948}" dt="2021-06-03T15:00:18.161" v="3926" actId="20577"/>
          <ac:spMkLst>
            <pc:docMk/>
            <pc:sldMk cId="3717669386" sldId="275"/>
            <ac:spMk id="5" creationId="{00000000-0000-0000-0000-000000000000}"/>
          </ac:spMkLst>
        </pc:spChg>
      </pc:sldChg>
      <pc:sldChg chg="delSp del mod delAnim">
        <pc:chgData name="Alan Wai Hou Lio" userId="4e2e7dda-a9a8-4e9f-8daf-fb8d3a66df36" providerId="ADAL" clId="{FD376C26-B4CF-41E1-87D9-A59DDF770948}" dt="2021-06-03T10:05:00.593" v="37" actId="47"/>
        <pc:sldMkLst>
          <pc:docMk/>
          <pc:sldMk cId="3334127610" sldId="276"/>
        </pc:sldMkLst>
        <pc:spChg chg="del">
          <ac:chgData name="Alan Wai Hou Lio" userId="4e2e7dda-a9a8-4e9f-8daf-fb8d3a66df36" providerId="ADAL" clId="{FD376C26-B4CF-41E1-87D9-A59DDF770948}" dt="2021-06-03T10:03:59.124" v="33" actId="478"/>
          <ac:spMkLst>
            <pc:docMk/>
            <pc:sldMk cId="3334127610" sldId="276"/>
            <ac:spMk id="22" creationId="{00000000-0000-0000-0000-000000000000}"/>
          </ac:spMkLst>
        </pc:spChg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3857689135" sldId="277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305086932" sldId="278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3237117062" sldId="279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236396844" sldId="280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320446414" sldId="281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82662005" sldId="282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608797320" sldId="283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719243787" sldId="284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481574000" sldId="285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945050771" sldId="286"/>
        </pc:sldMkLst>
      </pc:sldChg>
      <pc:sldChg chg="modSp add mod">
        <pc:chgData name="Alan Wai Hou Lio" userId="4e2e7dda-a9a8-4e9f-8daf-fb8d3a66df36" providerId="ADAL" clId="{FD376C26-B4CF-41E1-87D9-A59DDF770948}" dt="2021-06-03T10:00:07.595" v="31" actId="20577"/>
        <pc:sldMkLst>
          <pc:docMk/>
          <pc:sldMk cId="886120306" sldId="287"/>
        </pc:sldMkLst>
        <pc:spChg chg="mod">
          <ac:chgData name="Alan Wai Hou Lio" userId="4e2e7dda-a9a8-4e9f-8daf-fb8d3a66df36" providerId="ADAL" clId="{FD376C26-B4CF-41E1-87D9-A59DDF770948}" dt="2021-06-03T10:00:07.595" v="31" actId="20577"/>
          <ac:spMkLst>
            <pc:docMk/>
            <pc:sldMk cId="886120306" sldId="287"/>
            <ac:spMk id="4" creationId="{674358EA-4D5B-461F-997D-DE6729900DE7}"/>
          </ac:spMkLst>
        </pc:spChg>
      </pc:sldChg>
      <pc:sldChg chg="new del">
        <pc:chgData name="Alan Wai Hou Lio" userId="4e2e7dda-a9a8-4e9f-8daf-fb8d3a66df36" providerId="ADAL" clId="{FD376C26-B4CF-41E1-87D9-A59DDF770948}" dt="2021-06-03T10:08:45.431" v="97" actId="47"/>
        <pc:sldMkLst>
          <pc:docMk/>
          <pc:sldMk cId="3106400802" sldId="288"/>
        </pc:sldMkLst>
      </pc:sldChg>
      <pc:sldChg chg="new del">
        <pc:chgData name="Alan Wai Hou Lio" userId="4e2e7dda-a9a8-4e9f-8daf-fb8d3a66df36" providerId="ADAL" clId="{FD376C26-B4CF-41E1-87D9-A59DDF770948}" dt="2021-06-03T10:11:10.765" v="150" actId="47"/>
        <pc:sldMkLst>
          <pc:docMk/>
          <pc:sldMk cId="3177743525" sldId="288"/>
        </pc:sldMkLst>
      </pc:sldChg>
      <pc:sldChg chg="add">
        <pc:chgData name="Alan Wai Hou Lio" userId="4e2e7dda-a9a8-4e9f-8daf-fb8d3a66df36" providerId="ADAL" clId="{FD376C26-B4CF-41E1-87D9-A59DDF770948}" dt="2021-06-03T10:11:09.012" v="149"/>
        <pc:sldMkLst>
          <pc:docMk/>
          <pc:sldMk cId="1560481198" sldId="289"/>
        </pc:sldMkLst>
      </pc:sldChg>
      <pc:sldChg chg="addSp delSp modSp add del mod modAnim">
        <pc:chgData name="Alan Wai Hou Lio" userId="4e2e7dda-a9a8-4e9f-8daf-fb8d3a66df36" providerId="ADAL" clId="{FD376C26-B4CF-41E1-87D9-A59DDF770948}" dt="2021-06-03T10:10:25.063" v="147" actId="47"/>
        <pc:sldMkLst>
          <pc:docMk/>
          <pc:sldMk cId="1992947143" sldId="289"/>
        </pc:sldMkLst>
        <pc:spChg chg="add del mod">
          <ac:chgData name="Alan Wai Hou Lio" userId="4e2e7dda-a9a8-4e9f-8daf-fb8d3a66df36" providerId="ADAL" clId="{FD376C26-B4CF-41E1-87D9-A59DDF770948}" dt="2021-06-03T10:09:25.112" v="115" actId="478"/>
          <ac:spMkLst>
            <pc:docMk/>
            <pc:sldMk cId="1992947143" sldId="289"/>
            <ac:spMk id="5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9:03.282" v="105" actId="1076"/>
          <ac:spMkLst>
            <pc:docMk/>
            <pc:sldMk cId="1992947143" sldId="289"/>
            <ac:spMk id="9" creationId="{3B200241-3038-4789-895A-A542CC30D394}"/>
          </ac:spMkLst>
        </pc:spChg>
        <pc:spChg chg="mod">
          <ac:chgData name="Alan Wai Hou Lio" userId="4e2e7dda-a9a8-4e9f-8daf-fb8d3a66df36" providerId="ADAL" clId="{FD376C26-B4CF-41E1-87D9-A59DDF770948}" dt="2021-06-03T10:09:03.282" v="105" actId="1076"/>
          <ac:spMkLst>
            <pc:docMk/>
            <pc:sldMk cId="1992947143" sldId="289"/>
            <ac:spMk id="10" creationId="{9D6335B2-A390-4870-A0BD-40C5F5012439}"/>
          </ac:spMkLst>
        </pc:spChg>
        <pc:spChg chg="mod">
          <ac:chgData name="Alan Wai Hou Lio" userId="4e2e7dda-a9a8-4e9f-8daf-fb8d3a66df36" providerId="ADAL" clId="{FD376C26-B4CF-41E1-87D9-A59DDF770948}" dt="2021-06-03T10:09:03.282" v="105" actId="1076"/>
          <ac:spMkLst>
            <pc:docMk/>
            <pc:sldMk cId="1992947143" sldId="289"/>
            <ac:spMk id="11" creationId="{6E37FD78-070D-4618-8E5A-9AFB9D30D82B}"/>
          </ac:spMkLst>
        </pc:spChg>
        <pc:spChg chg="add del mod">
          <ac:chgData name="Alan Wai Hou Lio" userId="4e2e7dda-a9a8-4e9f-8daf-fb8d3a66df36" providerId="ADAL" clId="{FD376C26-B4CF-41E1-87D9-A59DDF770948}" dt="2021-06-03T10:09:23.107" v="114"/>
          <ac:spMkLst>
            <pc:docMk/>
            <pc:sldMk cId="1992947143" sldId="289"/>
            <ac:spMk id="12" creationId="{871E3277-1B6F-4A9C-9C18-FEA71494FC17}"/>
          </ac:spMkLst>
        </pc:spChg>
        <pc:spChg chg="add mod">
          <ac:chgData name="Alan Wai Hou Lio" userId="4e2e7dda-a9a8-4e9f-8daf-fb8d3a66df36" providerId="ADAL" clId="{FD376C26-B4CF-41E1-87D9-A59DDF770948}" dt="2021-06-03T10:09:33.345" v="123" actId="1076"/>
          <ac:spMkLst>
            <pc:docMk/>
            <pc:sldMk cId="1992947143" sldId="289"/>
            <ac:spMk id="13" creationId="{56511AAA-D2CE-4537-A84E-F103BE792FF7}"/>
          </ac:spMkLst>
        </pc:spChg>
        <pc:grpChg chg="add mod">
          <ac:chgData name="Alan Wai Hou Lio" userId="4e2e7dda-a9a8-4e9f-8daf-fb8d3a66df36" providerId="ADAL" clId="{FD376C26-B4CF-41E1-87D9-A59DDF770948}" dt="2021-06-03T10:09:03.282" v="105" actId="1076"/>
          <ac:grpSpMkLst>
            <pc:docMk/>
            <pc:sldMk cId="1992947143" sldId="289"/>
            <ac:grpSpMk id="7" creationId="{9C9E4DA3-6026-4FAE-8660-55C143D928BE}"/>
          </ac:grpSpMkLst>
        </pc:grpChg>
        <pc:picChg chg="mod">
          <ac:chgData name="Alan Wai Hou Lio" userId="4e2e7dda-a9a8-4e9f-8daf-fb8d3a66df36" providerId="ADAL" clId="{FD376C26-B4CF-41E1-87D9-A59DDF770948}" dt="2021-06-03T10:09:03.282" v="105" actId="1076"/>
          <ac:picMkLst>
            <pc:docMk/>
            <pc:sldMk cId="1992947143" sldId="289"/>
            <ac:picMk id="8" creationId="{C53BDACC-6E12-455C-A29E-943654848B8F}"/>
          </ac:picMkLst>
        </pc:picChg>
      </pc:sldChg>
      <pc:sldChg chg="add del">
        <pc:chgData name="Alan Wai Hou Lio" userId="4e2e7dda-a9a8-4e9f-8daf-fb8d3a66df36" providerId="ADAL" clId="{FD376C26-B4CF-41E1-87D9-A59DDF770948}" dt="2021-06-03T10:08:51.216" v="102"/>
        <pc:sldMkLst>
          <pc:docMk/>
          <pc:sldMk cId="259366268" sldId="290"/>
        </pc:sldMkLst>
      </pc:sldChg>
      <pc:sldChg chg="addSp modSp add mod">
        <pc:chgData name="Alan Wai Hou Lio" userId="4e2e7dda-a9a8-4e9f-8daf-fb8d3a66df36" providerId="ADAL" clId="{FD376C26-B4CF-41E1-87D9-A59DDF770948}" dt="2021-06-03T10:41:09.892" v="1020" actId="20577"/>
        <pc:sldMkLst>
          <pc:docMk/>
          <pc:sldMk cId="3014980694" sldId="290"/>
        </pc:sldMkLst>
        <pc:spChg chg="add mod">
          <ac:chgData name="Alan Wai Hou Lio" userId="4e2e7dda-a9a8-4e9f-8daf-fb8d3a66df36" providerId="ADAL" clId="{FD376C26-B4CF-41E1-87D9-A59DDF770948}" dt="2021-06-03T10:41:09.892" v="1020" actId="20577"/>
          <ac:spMkLst>
            <pc:docMk/>
            <pc:sldMk cId="3014980694" sldId="290"/>
            <ac:spMk id="14" creationId="{9762B993-C82F-41B3-B199-BB5123820467}"/>
          </ac:spMkLst>
        </pc:spChg>
      </pc:sldChg>
      <pc:sldChg chg="addSp delSp modSp add del mod delAnim modAnim">
        <pc:chgData name="Alan Wai Hou Lio" userId="4e2e7dda-a9a8-4e9f-8daf-fb8d3a66df36" providerId="ADAL" clId="{FD376C26-B4CF-41E1-87D9-A59DDF770948}" dt="2021-06-08T14:04:30.082" v="4270" actId="47"/>
        <pc:sldMkLst>
          <pc:docMk/>
          <pc:sldMk cId="705623479" sldId="291"/>
        </pc:sldMkLst>
        <pc:spChg chg="mod">
          <ac:chgData name="Alan Wai Hou Lio" userId="4e2e7dda-a9a8-4e9f-8daf-fb8d3a66df36" providerId="ADAL" clId="{FD376C26-B4CF-41E1-87D9-A59DDF770948}" dt="2021-06-03T12:43:48.679" v="2127" actId="20577"/>
          <ac:spMkLst>
            <pc:docMk/>
            <pc:sldMk cId="705623479" sldId="291"/>
            <ac:spMk id="2" creationId="{E1644768-FFBC-44AF-B3CA-03C9DC67261F}"/>
          </ac:spMkLst>
        </pc:spChg>
        <pc:spChg chg="mod">
          <ac:chgData name="Alan Wai Hou Lio" userId="4e2e7dda-a9a8-4e9f-8daf-fb8d3a66df36" providerId="ADAL" clId="{FD376C26-B4CF-41E1-87D9-A59DDF770948}" dt="2021-06-03T13:28:35.509" v="2895" actId="20577"/>
          <ac:spMkLst>
            <pc:docMk/>
            <pc:sldMk cId="705623479" sldId="291"/>
            <ac:spMk id="3" creationId="{1F3DD503-9D4E-4003-9335-73B49C10C23A}"/>
          </ac:spMkLst>
        </pc:spChg>
        <pc:spChg chg="add mod">
          <ac:chgData name="Alan Wai Hou Lio" userId="4e2e7dda-a9a8-4e9f-8daf-fb8d3a66df36" providerId="ADAL" clId="{FD376C26-B4CF-41E1-87D9-A59DDF770948}" dt="2021-06-03T10:20:46.706" v="362" actId="1076"/>
          <ac:spMkLst>
            <pc:docMk/>
            <pc:sldMk cId="705623479" sldId="291"/>
            <ac:spMk id="5" creationId="{BE230212-335A-4B58-A63A-D19A41F759AE}"/>
          </ac:spMkLst>
        </pc:spChg>
        <pc:spChg chg="add del">
          <ac:chgData name="Alan Wai Hou Lio" userId="4e2e7dda-a9a8-4e9f-8daf-fb8d3a66df36" providerId="ADAL" clId="{FD376C26-B4CF-41E1-87D9-A59DDF770948}" dt="2021-06-03T10:21:18.144" v="366" actId="478"/>
          <ac:spMkLst>
            <pc:docMk/>
            <pc:sldMk cId="705623479" sldId="291"/>
            <ac:spMk id="9" creationId="{746286E6-5829-48B6-9C1E-EE9430545AEA}"/>
          </ac:spMkLst>
        </pc:spChg>
        <pc:spChg chg="del">
          <ac:chgData name="Alan Wai Hou Lio" userId="4e2e7dda-a9a8-4e9f-8daf-fb8d3a66df36" providerId="ADAL" clId="{FD376C26-B4CF-41E1-87D9-A59DDF770948}" dt="2021-06-03T10:15:32.621" v="190" actId="21"/>
          <ac:spMkLst>
            <pc:docMk/>
            <pc:sldMk cId="705623479" sldId="291"/>
            <ac:spMk id="11" creationId="{33F7F871-2C3B-426D-A26F-79FABF1E676F}"/>
          </ac:spMkLst>
        </pc:spChg>
        <pc:spChg chg="mod">
          <ac:chgData name="Alan Wai Hou Lio" userId="4e2e7dda-a9a8-4e9f-8daf-fb8d3a66df36" providerId="ADAL" clId="{FD376C26-B4CF-41E1-87D9-A59DDF770948}" dt="2021-06-03T13:27:28.264" v="2886" actId="1076"/>
          <ac:spMkLst>
            <pc:docMk/>
            <pc:sldMk cId="705623479" sldId="291"/>
            <ac:spMk id="12" creationId="{F51F85A4-7AE3-45A0-BB3A-CB7AFDF2B247}"/>
          </ac:spMkLst>
        </pc:spChg>
        <pc:spChg chg="del mod">
          <ac:chgData name="Alan Wai Hou Lio" userId="4e2e7dda-a9a8-4e9f-8daf-fb8d3a66df36" providerId="ADAL" clId="{FD376C26-B4CF-41E1-87D9-A59DDF770948}" dt="2021-06-03T10:21:47.284" v="369" actId="478"/>
          <ac:spMkLst>
            <pc:docMk/>
            <pc:sldMk cId="705623479" sldId="291"/>
            <ac:spMk id="13" creationId="{27D6B65C-0D40-46DF-8A20-BAC35D0A319A}"/>
          </ac:spMkLst>
        </pc:spChg>
        <pc:spChg chg="del">
          <ac:chgData name="Alan Wai Hou Lio" userId="4e2e7dda-a9a8-4e9f-8daf-fb8d3a66df36" providerId="ADAL" clId="{FD376C26-B4CF-41E1-87D9-A59DDF770948}" dt="2021-06-03T10:15:32.621" v="190" actId="21"/>
          <ac:spMkLst>
            <pc:docMk/>
            <pc:sldMk cId="705623479" sldId="291"/>
            <ac:spMk id="14" creationId="{BB60668B-9B7B-4178-9F1A-79CD699AC438}"/>
          </ac:spMkLst>
        </pc:spChg>
        <pc:spChg chg="add mod">
          <ac:chgData name="Alan Wai Hou Lio" userId="4e2e7dda-a9a8-4e9f-8daf-fb8d3a66df36" providerId="ADAL" clId="{FD376C26-B4CF-41E1-87D9-A59DDF770948}" dt="2021-06-03T10:21:49.544" v="370" actId="1076"/>
          <ac:spMkLst>
            <pc:docMk/>
            <pc:sldMk cId="705623479" sldId="291"/>
            <ac:spMk id="16" creationId="{3B7B38F4-859D-40AB-83B9-BEA3B168B4D1}"/>
          </ac:spMkLst>
        </pc:spChg>
        <pc:picChg chg="del">
          <ac:chgData name="Alan Wai Hou Lio" userId="4e2e7dda-a9a8-4e9f-8daf-fb8d3a66df36" providerId="ADAL" clId="{FD376C26-B4CF-41E1-87D9-A59DDF770948}" dt="2021-06-03T10:15:32.621" v="190" actId="21"/>
          <ac:picMkLst>
            <pc:docMk/>
            <pc:sldMk cId="705623479" sldId="291"/>
            <ac:picMk id="8" creationId="{A64CBEF4-4659-4992-9056-5B3FABE89780}"/>
          </ac:picMkLst>
        </pc:picChg>
        <pc:cxnChg chg="add del mod">
          <ac:chgData name="Alan Wai Hou Lio" userId="4e2e7dda-a9a8-4e9f-8daf-fb8d3a66df36" providerId="ADAL" clId="{FD376C26-B4CF-41E1-87D9-A59DDF770948}" dt="2021-06-03T10:21:03.307" v="364" actId="11529"/>
          <ac:cxnSpMkLst>
            <pc:docMk/>
            <pc:sldMk cId="705623479" sldId="291"/>
            <ac:cxnSpMk id="7" creationId="{98B3B90F-305E-440C-AE2C-76964847AE29}"/>
          </ac:cxnSpMkLst>
        </pc:cxnChg>
        <pc:cxnChg chg="add">
          <ac:chgData name="Alan Wai Hou Lio" userId="4e2e7dda-a9a8-4e9f-8daf-fb8d3a66df36" providerId="ADAL" clId="{FD376C26-B4CF-41E1-87D9-A59DDF770948}" dt="2021-06-03T10:21:23.885" v="367" actId="11529"/>
          <ac:cxnSpMkLst>
            <pc:docMk/>
            <pc:sldMk cId="705623479" sldId="291"/>
            <ac:cxnSpMk id="15" creationId="{A64353CD-21BA-4E59-958D-5D810AC192C6}"/>
          </ac:cxnSpMkLst>
        </pc:cxnChg>
      </pc:sldChg>
      <pc:sldChg chg="modSp add mod">
        <pc:chgData name="Alan Wai Hou Lio" userId="4e2e7dda-a9a8-4e9f-8daf-fb8d3a66df36" providerId="ADAL" clId="{FD376C26-B4CF-41E1-87D9-A59DDF770948}" dt="2021-06-08T14:03:12.786" v="4263"/>
        <pc:sldMkLst>
          <pc:docMk/>
          <pc:sldMk cId="3288464396" sldId="292"/>
        </pc:sldMkLst>
        <pc:spChg chg="mod">
          <ac:chgData name="Alan Wai Hou Lio" userId="4e2e7dda-a9a8-4e9f-8daf-fb8d3a66df36" providerId="ADAL" clId="{FD376C26-B4CF-41E1-87D9-A59DDF770948}" dt="2021-06-03T14:51:15.704" v="3625" actId="20577"/>
          <ac:spMkLst>
            <pc:docMk/>
            <pc:sldMk cId="3288464396" sldId="292"/>
            <ac:spMk id="2" creationId="{74C822D3-03DB-479A-9ADE-BE6D9914004C}"/>
          </ac:spMkLst>
        </pc:spChg>
        <pc:spChg chg="mod">
          <ac:chgData name="Alan Wai Hou Lio" userId="4e2e7dda-a9a8-4e9f-8daf-fb8d3a66df36" providerId="ADAL" clId="{FD376C26-B4CF-41E1-87D9-A59DDF770948}" dt="2021-06-08T14:03:12.786" v="4263"/>
          <ac:spMkLst>
            <pc:docMk/>
            <pc:sldMk cId="3288464396" sldId="292"/>
            <ac:spMk id="3" creationId="{226F4043-7B4B-42BF-88C8-8C1651BD81A1}"/>
          </ac:spMkLst>
        </pc:spChg>
        <pc:spChg chg="mod">
          <ac:chgData name="Alan Wai Hou Lio" userId="4e2e7dda-a9a8-4e9f-8daf-fb8d3a66df36" providerId="ADAL" clId="{FD376C26-B4CF-41E1-87D9-A59DDF770948}" dt="2021-06-03T13:35:10.315" v="2954"/>
          <ac:spMkLst>
            <pc:docMk/>
            <pc:sldMk cId="3288464396" sldId="292"/>
            <ac:spMk id="5" creationId="{32D7704F-DAA0-4287-92B3-15A7282EA388}"/>
          </ac:spMkLst>
        </pc:spChg>
      </pc:sldChg>
      <pc:sldChg chg="addSp modSp new mod ord modAnim">
        <pc:chgData name="Alan Wai Hou Lio" userId="4e2e7dda-a9a8-4e9f-8daf-fb8d3a66df36" providerId="ADAL" clId="{FD376C26-B4CF-41E1-87D9-A59DDF770948}" dt="2021-06-03T13:42:43.352" v="3063" actId="1076"/>
        <pc:sldMkLst>
          <pc:docMk/>
          <pc:sldMk cId="2166225631" sldId="293"/>
        </pc:sldMkLst>
        <pc:spChg chg="mod">
          <ac:chgData name="Alan Wai Hou Lio" userId="4e2e7dda-a9a8-4e9f-8daf-fb8d3a66df36" providerId="ADAL" clId="{FD376C26-B4CF-41E1-87D9-A59DDF770948}" dt="2021-06-03T13:33:09.301" v="2921"/>
          <ac:spMkLst>
            <pc:docMk/>
            <pc:sldMk cId="2166225631" sldId="293"/>
            <ac:spMk id="2" creationId="{8E487B52-F289-4C5D-BBB7-9B8D57140EDD}"/>
          </ac:spMkLst>
        </pc:spChg>
        <pc:spChg chg="mod">
          <ac:chgData name="Alan Wai Hou Lio" userId="4e2e7dda-a9a8-4e9f-8daf-fb8d3a66df36" providerId="ADAL" clId="{FD376C26-B4CF-41E1-87D9-A59DDF770948}" dt="2021-06-03T10:16:22.287" v="252" actId="1076"/>
          <ac:spMkLst>
            <pc:docMk/>
            <pc:sldMk cId="2166225631" sldId="293"/>
            <ac:spMk id="3" creationId="{CD3B8967-C707-48EC-BE94-78A527C7EFC1}"/>
          </ac:spMkLst>
        </pc:spChg>
        <pc:spChg chg="add mod">
          <ac:chgData name="Alan Wai Hou Lio" userId="4e2e7dda-a9a8-4e9f-8daf-fb8d3a66df36" providerId="ADAL" clId="{FD376C26-B4CF-41E1-87D9-A59DDF770948}" dt="2021-06-03T10:16:26.344" v="254" actId="1076"/>
          <ac:spMkLst>
            <pc:docMk/>
            <pc:sldMk cId="2166225631" sldId="293"/>
            <ac:spMk id="6" creationId="{5EFB0DE3-CA88-416D-BF6C-73020D2F7583}"/>
          </ac:spMkLst>
        </pc:spChg>
        <pc:spChg chg="add mod">
          <ac:chgData name="Alan Wai Hou Lio" userId="4e2e7dda-a9a8-4e9f-8daf-fb8d3a66df36" providerId="ADAL" clId="{FD376C26-B4CF-41E1-87D9-A59DDF770948}" dt="2021-06-03T13:32:08.073" v="2920" actId="1076"/>
          <ac:spMkLst>
            <pc:docMk/>
            <pc:sldMk cId="2166225631" sldId="293"/>
            <ac:spMk id="7" creationId="{3D8F2C1F-A83F-49EE-9DF2-D551769B72D8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9" creationId="{632E4FFE-E921-49A6-9DA2-4D1BFB26A619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0" creationId="{5EF00623-ED6F-4478-AC95-821F07525E7C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1" creationId="{D26F166A-E2EB-473D-BE4C-492FC7DB1C90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2" creationId="{D58CB8A9-223B-4E9C-8394-B442AB492BF6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3" creationId="{B34FFD9A-DD00-423D-BC12-F3F7110D301A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4" creationId="{A39EA75C-309F-4B70-AD55-B285E7B4C039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5" creationId="{FF4BA9F9-8F54-4BBD-BF42-6B9355FD6DBB}"/>
          </ac:spMkLst>
        </pc:spChg>
        <pc:spChg chg="add mod">
          <ac:chgData name="Alan Wai Hou Lio" userId="4e2e7dda-a9a8-4e9f-8daf-fb8d3a66df36" providerId="ADAL" clId="{FD376C26-B4CF-41E1-87D9-A59DDF770948}" dt="2021-06-03T13:31:58.478" v="2919" actId="1076"/>
          <ac:spMkLst>
            <pc:docMk/>
            <pc:sldMk cId="2166225631" sldId="293"/>
            <ac:spMk id="17" creationId="{B33C1862-5A5A-4579-8631-4A854743EFC1}"/>
          </ac:spMkLst>
        </pc:spChg>
        <pc:spChg chg="add mod">
          <ac:chgData name="Alan Wai Hou Lio" userId="4e2e7dda-a9a8-4e9f-8daf-fb8d3a66df36" providerId="ADAL" clId="{FD376C26-B4CF-41E1-87D9-A59DDF770948}" dt="2021-06-03T13:42:43.352" v="3063" actId="1076"/>
          <ac:spMkLst>
            <pc:docMk/>
            <pc:sldMk cId="2166225631" sldId="293"/>
            <ac:spMk id="20" creationId="{474489D9-0A77-4174-BF38-423763BF7FB2}"/>
          </ac:spMkLst>
        </pc:spChg>
        <pc:spChg chg="add mod">
          <ac:chgData name="Alan Wai Hou Lio" userId="4e2e7dda-a9a8-4e9f-8daf-fb8d3a66df36" providerId="ADAL" clId="{FD376C26-B4CF-41E1-87D9-A59DDF770948}" dt="2021-06-03T13:42:43.352" v="3063" actId="1076"/>
          <ac:spMkLst>
            <pc:docMk/>
            <pc:sldMk cId="2166225631" sldId="293"/>
            <ac:spMk id="21" creationId="{872F2FF0-3E7A-460B-BB9A-745113FF1BD8}"/>
          </ac:spMkLst>
        </pc:spChg>
        <pc:grpChg chg="add mod">
          <ac:chgData name="Alan Wai Hou Lio" userId="4e2e7dda-a9a8-4e9f-8daf-fb8d3a66df36" providerId="ADAL" clId="{FD376C26-B4CF-41E1-87D9-A59DDF770948}" dt="2021-06-03T13:31:00.061" v="2906" actId="1076"/>
          <ac:grpSpMkLst>
            <pc:docMk/>
            <pc:sldMk cId="2166225631" sldId="293"/>
            <ac:grpSpMk id="16" creationId="{791D8618-E554-42A7-8D92-0BDD3DAD917D}"/>
          </ac:grpSpMkLst>
        </pc:grpChg>
        <pc:picChg chg="add mod">
          <ac:chgData name="Alan Wai Hou Lio" userId="4e2e7dda-a9a8-4e9f-8daf-fb8d3a66df36" providerId="ADAL" clId="{FD376C26-B4CF-41E1-87D9-A59DDF770948}" dt="2021-06-03T13:31:03.205" v="2907" actId="1076"/>
          <ac:picMkLst>
            <pc:docMk/>
            <pc:sldMk cId="2166225631" sldId="293"/>
            <ac:picMk id="5" creationId="{AC225D76-08DA-46AB-AB57-3FE65CC6C5AA}"/>
          </ac:picMkLst>
        </pc:picChg>
        <pc:picChg chg="add mod">
          <ac:chgData name="Alan Wai Hou Lio" userId="4e2e7dda-a9a8-4e9f-8daf-fb8d3a66df36" providerId="ADAL" clId="{FD376C26-B4CF-41E1-87D9-A59DDF770948}" dt="2021-06-03T13:31:00.061" v="2906" actId="1076"/>
          <ac:picMkLst>
            <pc:docMk/>
            <pc:sldMk cId="2166225631" sldId="293"/>
            <ac:picMk id="8" creationId="{7E9DE6BB-048F-4B38-8EC0-195CFDE8884B}"/>
          </ac:picMkLst>
        </pc:picChg>
        <pc:cxnChg chg="add mod">
          <ac:chgData name="Alan Wai Hou Lio" userId="4e2e7dda-a9a8-4e9f-8daf-fb8d3a66df36" providerId="ADAL" clId="{FD376C26-B4CF-41E1-87D9-A59DDF770948}" dt="2021-06-03T13:42:26.909" v="3060" actId="14100"/>
          <ac:cxnSpMkLst>
            <pc:docMk/>
            <pc:sldMk cId="2166225631" sldId="293"/>
            <ac:cxnSpMk id="18" creationId="{8DF0D66C-64E3-46C3-AF31-06957E9C15FF}"/>
          </ac:cxnSpMkLst>
        </pc:cxnChg>
      </pc:sldChg>
      <pc:sldChg chg="new del">
        <pc:chgData name="Alan Wai Hou Lio" userId="4e2e7dda-a9a8-4e9f-8daf-fb8d3a66df36" providerId="ADAL" clId="{FD376C26-B4CF-41E1-87D9-A59DDF770948}" dt="2021-06-03T10:24:59.190" v="373" actId="47"/>
        <pc:sldMkLst>
          <pc:docMk/>
          <pc:sldMk cId="2569774459" sldId="294"/>
        </pc:sldMkLst>
      </pc:sldChg>
      <pc:sldChg chg="addSp delSp modSp add del mod ord modAnim">
        <pc:chgData name="Alan Wai Hou Lio" userId="4e2e7dda-a9a8-4e9f-8daf-fb8d3a66df36" providerId="ADAL" clId="{FD376C26-B4CF-41E1-87D9-A59DDF770948}" dt="2021-06-03T12:51:02.538" v="2217" actId="47"/>
        <pc:sldMkLst>
          <pc:docMk/>
          <pc:sldMk cId="2430703294" sldId="295"/>
        </pc:sldMkLst>
        <pc:spChg chg="add mod">
          <ac:chgData name="Alan Wai Hou Lio" userId="4e2e7dda-a9a8-4e9f-8daf-fb8d3a66df36" providerId="ADAL" clId="{FD376C26-B4CF-41E1-87D9-A59DDF770948}" dt="2021-06-03T10:25:50.158" v="383" actId="1076"/>
          <ac:spMkLst>
            <pc:docMk/>
            <pc:sldMk cId="2430703294" sldId="295"/>
            <ac:spMk id="19" creationId="{C8160045-FE53-457D-98BE-59948BCEAE17}"/>
          </ac:spMkLst>
        </pc:spChg>
        <pc:spChg chg="mod">
          <ac:chgData name="Alan Wai Hou Lio" userId="4e2e7dda-a9a8-4e9f-8daf-fb8d3a66df36" providerId="ADAL" clId="{FD376C26-B4CF-41E1-87D9-A59DDF770948}" dt="2021-06-03T10:26:44.962" v="421" actId="14100"/>
          <ac:spMkLst>
            <pc:docMk/>
            <pc:sldMk cId="2430703294" sldId="295"/>
            <ac:spMk id="22" creationId="{9B53683E-A296-450B-AF79-A803093F5E0B}"/>
          </ac:spMkLst>
        </pc:spChg>
        <pc:spChg chg="mod">
          <ac:chgData name="Alan Wai Hou Lio" userId="4e2e7dda-a9a8-4e9f-8daf-fb8d3a66df36" providerId="ADAL" clId="{FD376C26-B4CF-41E1-87D9-A59DDF770948}" dt="2021-06-03T10:26:44.962" v="421" actId="14100"/>
          <ac:spMkLst>
            <pc:docMk/>
            <pc:sldMk cId="2430703294" sldId="295"/>
            <ac:spMk id="23" creationId="{C48186F9-E960-4E22-8E57-E81D29CB1B4D}"/>
          </ac:spMkLst>
        </pc:spChg>
        <pc:spChg chg="mod">
          <ac:chgData name="Alan Wai Hou Lio" userId="4e2e7dda-a9a8-4e9f-8daf-fb8d3a66df36" providerId="ADAL" clId="{FD376C26-B4CF-41E1-87D9-A59DDF770948}" dt="2021-06-03T10:26:44.962" v="421" actId="14100"/>
          <ac:spMkLst>
            <pc:docMk/>
            <pc:sldMk cId="2430703294" sldId="295"/>
            <ac:spMk id="24" creationId="{CBF0F30C-5180-4F23-9415-0FE9727248D7}"/>
          </ac:spMkLst>
        </pc:spChg>
        <pc:spChg chg="mod">
          <ac:chgData name="Alan Wai Hou Lio" userId="4e2e7dda-a9a8-4e9f-8daf-fb8d3a66df36" providerId="ADAL" clId="{FD376C26-B4CF-41E1-87D9-A59DDF770948}" dt="2021-06-03T10:25:13.875" v="374" actId="20577"/>
          <ac:spMkLst>
            <pc:docMk/>
            <pc:sldMk cId="2430703294" sldId="295"/>
            <ac:spMk id="36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26:22.732" v="417" actId="20577"/>
          <ac:spMkLst>
            <pc:docMk/>
            <pc:sldMk cId="2430703294" sldId="295"/>
            <ac:spMk id="37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0:25:24.010" v="375" actId="478"/>
          <ac:spMkLst>
            <pc:docMk/>
            <pc:sldMk cId="2430703294" sldId="295"/>
            <ac:spMk id="38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0:25:31.037" v="378" actId="478"/>
          <ac:spMkLst>
            <pc:docMk/>
            <pc:sldMk cId="2430703294" sldId="295"/>
            <ac:spMk id="39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0:25:33.469" v="379" actId="478"/>
          <ac:spMkLst>
            <pc:docMk/>
            <pc:sldMk cId="2430703294" sldId="295"/>
            <ac:spMk id="40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25:28.108" v="377" actId="1076"/>
          <ac:spMkLst>
            <pc:docMk/>
            <pc:sldMk cId="2430703294" sldId="295"/>
            <ac:spMk id="43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25:36.892" v="381" actId="1076"/>
          <ac:spMkLst>
            <pc:docMk/>
            <pc:sldMk cId="2430703294" sldId="295"/>
            <ac:spMk id="44" creationId="{00000000-0000-0000-0000-000000000000}"/>
          </ac:spMkLst>
        </pc:spChg>
        <pc:spChg chg="mod ord topLvl">
          <ac:chgData name="Alan Wai Hou Lio" userId="4e2e7dda-a9a8-4e9f-8daf-fb8d3a66df36" providerId="ADAL" clId="{FD376C26-B4CF-41E1-87D9-A59DDF770948}" dt="2021-06-03T10:27:55.114" v="436" actId="14100"/>
          <ac:spMkLst>
            <pc:docMk/>
            <pc:sldMk cId="2430703294" sldId="295"/>
            <ac:spMk id="47" creationId="{00000000-0000-0000-0000-000000000000}"/>
          </ac:spMkLst>
        </pc:spChg>
        <pc:grpChg chg="add del mod">
          <ac:chgData name="Alan Wai Hou Lio" userId="4e2e7dda-a9a8-4e9f-8daf-fb8d3a66df36" providerId="ADAL" clId="{FD376C26-B4CF-41E1-87D9-A59DDF770948}" dt="2021-06-03T10:26:45.907" v="422"/>
          <ac:grpSpMkLst>
            <pc:docMk/>
            <pc:sldMk cId="2430703294" sldId="295"/>
            <ac:grpSpMk id="20" creationId="{0C3ACF7A-76C7-4F04-9B10-97A50A51FC19}"/>
          </ac:grpSpMkLst>
        </pc:grpChg>
        <pc:grpChg chg="add del">
          <ac:chgData name="Alan Wai Hou Lio" userId="4e2e7dda-a9a8-4e9f-8daf-fb8d3a66df36" providerId="ADAL" clId="{FD376C26-B4CF-41E1-87D9-A59DDF770948}" dt="2021-06-03T10:27:37.348" v="428" actId="478"/>
          <ac:grpSpMkLst>
            <pc:docMk/>
            <pc:sldMk cId="2430703294" sldId="295"/>
            <ac:grpSpMk id="45" creationId="{00000000-0000-0000-0000-000000000000}"/>
          </ac:grpSpMkLst>
        </pc:grpChg>
        <pc:picChg chg="add mod">
          <ac:chgData name="Alan Wai Hou Lio" userId="4e2e7dda-a9a8-4e9f-8daf-fb8d3a66df36" providerId="ADAL" clId="{FD376C26-B4CF-41E1-87D9-A59DDF770948}" dt="2021-06-03T10:27:44.054" v="432" actId="1076"/>
          <ac:picMkLst>
            <pc:docMk/>
            <pc:sldMk cId="2430703294" sldId="295"/>
            <ac:picMk id="4" creationId="{29BF1F2A-ED4E-4A73-A56F-26D6BD20E94B}"/>
          </ac:picMkLst>
        </pc:picChg>
        <pc:picChg chg="mod">
          <ac:chgData name="Alan Wai Hou Lio" userId="4e2e7dda-a9a8-4e9f-8daf-fb8d3a66df36" providerId="ADAL" clId="{FD376C26-B4CF-41E1-87D9-A59DDF770948}" dt="2021-06-03T10:26:44.962" v="421" actId="14100"/>
          <ac:picMkLst>
            <pc:docMk/>
            <pc:sldMk cId="2430703294" sldId="295"/>
            <ac:picMk id="21" creationId="{7AD246C9-92D8-4096-AFFA-6FF2ABE614BC}"/>
          </ac:picMkLst>
        </pc:picChg>
        <pc:picChg chg="del topLvl">
          <ac:chgData name="Alan Wai Hou Lio" userId="4e2e7dda-a9a8-4e9f-8daf-fb8d3a66df36" providerId="ADAL" clId="{FD376C26-B4CF-41E1-87D9-A59DDF770948}" dt="2021-06-03T10:27:37.348" v="428" actId="478"/>
          <ac:picMkLst>
            <pc:docMk/>
            <pc:sldMk cId="2430703294" sldId="295"/>
            <ac:picMk id="46" creationId="{00000000-0000-0000-0000-000000000000}"/>
          </ac:picMkLst>
        </pc:picChg>
        <pc:cxnChg chg="mod">
          <ac:chgData name="Alan Wai Hou Lio" userId="4e2e7dda-a9a8-4e9f-8daf-fb8d3a66df36" providerId="ADAL" clId="{FD376C26-B4CF-41E1-87D9-A59DDF770948}" dt="2021-06-03T10:25:26.417" v="376" actId="1076"/>
          <ac:cxnSpMkLst>
            <pc:docMk/>
            <pc:sldMk cId="2430703294" sldId="295"/>
            <ac:cxnSpMk id="41" creationId="{00000000-0000-0000-0000-000000000000}"/>
          </ac:cxnSpMkLst>
        </pc:cxnChg>
        <pc:cxnChg chg="mod">
          <ac:chgData name="Alan Wai Hou Lio" userId="4e2e7dda-a9a8-4e9f-8daf-fb8d3a66df36" providerId="ADAL" clId="{FD376C26-B4CF-41E1-87D9-A59DDF770948}" dt="2021-06-03T10:25:35.558" v="380" actId="1076"/>
          <ac:cxnSpMkLst>
            <pc:docMk/>
            <pc:sldMk cId="2430703294" sldId="295"/>
            <ac:cxnSpMk id="42" creationId="{00000000-0000-0000-0000-000000000000}"/>
          </ac:cxnSpMkLst>
        </pc:cxnChg>
      </pc:sldChg>
      <pc:sldChg chg="addSp delSp modSp new mod delAnim modAnim">
        <pc:chgData name="Alan Wai Hou Lio" userId="4e2e7dda-a9a8-4e9f-8daf-fb8d3a66df36" providerId="ADAL" clId="{FD376C26-B4CF-41E1-87D9-A59DDF770948}" dt="2021-06-07T14:43:31.684" v="4208"/>
        <pc:sldMkLst>
          <pc:docMk/>
          <pc:sldMk cId="1089283600" sldId="296"/>
        </pc:sldMkLst>
        <pc:spChg chg="mod">
          <ac:chgData name="Alan Wai Hou Lio" userId="4e2e7dda-a9a8-4e9f-8daf-fb8d3a66df36" providerId="ADAL" clId="{FD376C26-B4CF-41E1-87D9-A59DDF770948}" dt="2021-06-03T11:20:27.869" v="1148" actId="20577"/>
          <ac:spMkLst>
            <pc:docMk/>
            <pc:sldMk cId="1089283600" sldId="296"/>
            <ac:spMk id="2" creationId="{13668507-BBEE-45C4-8C3A-EEA7595AE1AD}"/>
          </ac:spMkLst>
        </pc:spChg>
        <pc:spChg chg="mod">
          <ac:chgData name="Alan Wai Hou Lio" userId="4e2e7dda-a9a8-4e9f-8daf-fb8d3a66df36" providerId="ADAL" clId="{FD376C26-B4CF-41E1-87D9-A59DDF770948}" dt="2021-06-03T13:36:06.705" v="2983" actId="20577"/>
          <ac:spMkLst>
            <pc:docMk/>
            <pc:sldMk cId="1089283600" sldId="296"/>
            <ac:spMk id="3" creationId="{6D3201B4-B44F-4BC5-9F17-D696BC9E8A4B}"/>
          </ac:spMkLst>
        </pc:spChg>
        <pc:spChg chg="add del mod">
          <ac:chgData name="Alan Wai Hou Lio" userId="4e2e7dda-a9a8-4e9f-8daf-fb8d3a66df36" providerId="ADAL" clId="{FD376C26-B4CF-41E1-87D9-A59DDF770948}" dt="2021-06-03T10:29:39.860" v="545" actId="478"/>
          <ac:spMkLst>
            <pc:docMk/>
            <pc:sldMk cId="1089283600" sldId="296"/>
            <ac:spMk id="7" creationId="{035804FE-97B7-49C4-94DD-DE2EDCFB4908}"/>
          </ac:spMkLst>
        </pc:spChg>
        <pc:spChg chg="add mod">
          <ac:chgData name="Alan Wai Hou Lio" userId="4e2e7dda-a9a8-4e9f-8daf-fb8d3a66df36" providerId="ADAL" clId="{FD376C26-B4CF-41E1-87D9-A59DDF770948}" dt="2021-06-03T10:32:46.094" v="750" actId="1076"/>
          <ac:spMkLst>
            <pc:docMk/>
            <pc:sldMk cId="1089283600" sldId="296"/>
            <ac:spMk id="8" creationId="{F96B51B9-0E4F-452E-9272-6EB0E63EE834}"/>
          </ac:spMkLst>
        </pc:spChg>
        <pc:spChg chg="add del mod">
          <ac:chgData name="Alan Wai Hou Lio" userId="4e2e7dda-a9a8-4e9f-8daf-fb8d3a66df36" providerId="ADAL" clId="{FD376C26-B4CF-41E1-87D9-A59DDF770948}" dt="2021-06-03T10:39:08.347" v="922" actId="478"/>
          <ac:spMkLst>
            <pc:docMk/>
            <pc:sldMk cId="1089283600" sldId="296"/>
            <ac:spMk id="9" creationId="{0BD8EABC-AF78-42B0-A566-7D48F8CE7830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10" creationId="{CCE09568-2084-4EF5-A26F-2C647F37E3F3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11" creationId="{5D7754DB-577D-4BA1-8A5A-FCA7ABA6D842}"/>
          </ac:spMkLst>
        </pc:spChg>
        <pc:spChg chg="add del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18" creationId="{5EA1F46B-B332-4AEF-A53B-08A2C1EB7596}"/>
          </ac:spMkLst>
        </pc:spChg>
        <pc:spChg chg="add mod">
          <ac:chgData name="Alan Wai Hou Lio" userId="4e2e7dda-a9a8-4e9f-8daf-fb8d3a66df36" providerId="ADAL" clId="{FD376C26-B4CF-41E1-87D9-A59DDF770948}" dt="2021-06-03T13:36:03.819" v="2981" actId="20577"/>
          <ac:spMkLst>
            <pc:docMk/>
            <pc:sldMk cId="1089283600" sldId="296"/>
            <ac:spMk id="19" creationId="{34C187D7-1C7E-4DFC-A831-F376A5F28614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20" creationId="{BD92F458-7D73-491D-92FF-1289F1F9FAD2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27" creationId="{F87C4705-A28F-42FC-BE72-B108E7F20A9C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29" creationId="{E6AA2CAD-A498-45DB-B5C9-E9C020034581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33" creationId="{C01F6BE0-35E0-4FF5-8567-80594043D443}"/>
          </ac:spMkLst>
        </pc:spChg>
        <pc:picChg chg="add del mod">
          <ac:chgData name="Alan Wai Hou Lio" userId="4e2e7dda-a9a8-4e9f-8daf-fb8d3a66df36" providerId="ADAL" clId="{FD376C26-B4CF-41E1-87D9-A59DDF770948}" dt="2021-06-03T10:28:59.873" v="504" actId="478"/>
          <ac:picMkLst>
            <pc:docMk/>
            <pc:sldMk cId="1089283600" sldId="296"/>
            <ac:picMk id="5" creationId="{65A9E0C2-B664-4AF3-86FC-42F5D094444E}"/>
          </ac:picMkLst>
        </pc:picChg>
        <pc:picChg chg="add mod">
          <ac:chgData name="Alan Wai Hou Lio" userId="4e2e7dda-a9a8-4e9f-8daf-fb8d3a66df36" providerId="ADAL" clId="{FD376C26-B4CF-41E1-87D9-A59DDF770948}" dt="2021-06-03T11:20:31.263" v="1149" actId="1076"/>
          <ac:picMkLst>
            <pc:docMk/>
            <pc:sldMk cId="1089283600" sldId="296"/>
            <ac:picMk id="6" creationId="{A74A0AF1-90C0-4008-A848-7DE64C84BFEA}"/>
          </ac:picMkLst>
        </pc:pic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13" creationId="{80C88C6C-5FE3-4EBE-B2BD-1E90C615C08F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15" creationId="{508D8918-98B3-477E-A560-850B1AE60DDA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22" creationId="{DCD561A8-E059-47F5-87EB-963FBE34A27D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28" creationId="{28417776-A43D-432F-9340-A220822C8D1B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30" creationId="{655BD000-7892-4B1B-9851-BDAD972D59BE}"/>
          </ac:cxnSpMkLst>
        </pc:cxnChg>
      </pc:sldChg>
      <pc:sldChg chg="addSp delSp modSp new mod modAnim">
        <pc:chgData name="Alan Wai Hou Lio" userId="4e2e7dda-a9a8-4e9f-8daf-fb8d3a66df36" providerId="ADAL" clId="{FD376C26-B4CF-41E1-87D9-A59DDF770948}" dt="2021-06-07T14:43:39.444" v="4209"/>
        <pc:sldMkLst>
          <pc:docMk/>
          <pc:sldMk cId="3785708882" sldId="297"/>
        </pc:sldMkLst>
        <pc:spChg chg="mod">
          <ac:chgData name="Alan Wai Hou Lio" userId="4e2e7dda-a9a8-4e9f-8daf-fb8d3a66df36" providerId="ADAL" clId="{FD376C26-B4CF-41E1-87D9-A59DDF770948}" dt="2021-06-03T13:27:07.375" v="2884" actId="20577"/>
          <ac:spMkLst>
            <pc:docMk/>
            <pc:sldMk cId="3785708882" sldId="297"/>
            <ac:spMk id="2" creationId="{0835BFDC-81F9-41B1-B422-B99B3945AEE4}"/>
          </ac:spMkLst>
        </pc:spChg>
        <pc:spChg chg="mod">
          <ac:chgData name="Alan Wai Hou Lio" userId="4e2e7dda-a9a8-4e9f-8daf-fb8d3a66df36" providerId="ADAL" clId="{FD376C26-B4CF-41E1-87D9-A59DDF770948}" dt="2021-06-03T13:40:23.311" v="3055" actId="20577"/>
          <ac:spMkLst>
            <pc:docMk/>
            <pc:sldMk cId="3785708882" sldId="297"/>
            <ac:spMk id="3" creationId="{04D024E5-978B-41C3-9498-56D10BBFB7D2}"/>
          </ac:spMkLst>
        </pc:spChg>
        <pc:spChg chg="add mod">
          <ac:chgData name="Alan Wai Hou Lio" userId="4e2e7dda-a9a8-4e9f-8daf-fb8d3a66df36" providerId="ADAL" clId="{FD376C26-B4CF-41E1-87D9-A59DDF770948}" dt="2021-06-03T12:18:44.596" v="1252" actId="14100"/>
          <ac:spMkLst>
            <pc:docMk/>
            <pc:sldMk cId="3785708882" sldId="297"/>
            <ac:spMk id="7" creationId="{9D3F87EE-6F78-480E-8411-3F96556FD35F}"/>
          </ac:spMkLst>
        </pc:spChg>
        <pc:spChg chg="add mod">
          <ac:chgData name="Alan Wai Hou Lio" userId="4e2e7dda-a9a8-4e9f-8daf-fb8d3a66df36" providerId="ADAL" clId="{FD376C26-B4CF-41E1-87D9-A59DDF770948}" dt="2021-06-03T12:18:55.054" v="1256" actId="1076"/>
          <ac:spMkLst>
            <pc:docMk/>
            <pc:sldMk cId="3785708882" sldId="297"/>
            <ac:spMk id="8" creationId="{A49A8507-7801-4E08-A656-456F64162FF1}"/>
          </ac:spMkLst>
        </pc:spChg>
        <pc:spChg chg="add mod">
          <ac:chgData name="Alan Wai Hou Lio" userId="4e2e7dda-a9a8-4e9f-8daf-fb8d3a66df36" providerId="ADAL" clId="{FD376C26-B4CF-41E1-87D9-A59DDF770948}" dt="2021-06-03T12:19:13.789" v="1264" actId="1076"/>
          <ac:spMkLst>
            <pc:docMk/>
            <pc:sldMk cId="3785708882" sldId="297"/>
            <ac:spMk id="11" creationId="{B6C1931F-47A2-44B2-A839-81AC010962A2}"/>
          </ac:spMkLst>
        </pc:spChg>
        <pc:spChg chg="add mod">
          <ac:chgData name="Alan Wai Hou Lio" userId="4e2e7dda-a9a8-4e9f-8daf-fb8d3a66df36" providerId="ADAL" clId="{FD376C26-B4CF-41E1-87D9-A59DDF770948}" dt="2021-06-03T12:20:25.704" v="1309" actId="313"/>
          <ac:spMkLst>
            <pc:docMk/>
            <pc:sldMk cId="3785708882" sldId="297"/>
            <ac:spMk id="14" creationId="{CBAB3658-420C-4C9D-A732-477405B2E1D9}"/>
          </ac:spMkLst>
        </pc:spChg>
        <pc:spChg chg="add mod">
          <ac:chgData name="Alan Wai Hou Lio" userId="4e2e7dda-a9a8-4e9f-8daf-fb8d3a66df36" providerId="ADAL" clId="{FD376C26-B4CF-41E1-87D9-A59DDF770948}" dt="2021-06-03T13:40:27.703" v="3056" actId="1076"/>
          <ac:spMkLst>
            <pc:docMk/>
            <pc:sldMk cId="3785708882" sldId="297"/>
            <ac:spMk id="15" creationId="{53E610AA-4B51-4805-BAFA-EB7EF8E3E917}"/>
          </ac:spMkLst>
        </pc:spChg>
        <pc:picChg chg="add del mod">
          <ac:chgData name="Alan Wai Hou Lio" userId="4e2e7dda-a9a8-4e9f-8daf-fb8d3a66df36" providerId="ADAL" clId="{FD376C26-B4CF-41E1-87D9-A59DDF770948}" dt="2021-06-03T12:18:21.116" v="1246" actId="478"/>
          <ac:picMkLst>
            <pc:docMk/>
            <pc:sldMk cId="3785708882" sldId="297"/>
            <ac:picMk id="5" creationId="{4E64B940-9A52-45CA-A5D2-4B9A2AAC9F37}"/>
          </ac:picMkLst>
        </pc:picChg>
        <pc:picChg chg="add mod">
          <ac:chgData name="Alan Wai Hou Lio" userId="4e2e7dda-a9a8-4e9f-8daf-fb8d3a66df36" providerId="ADAL" clId="{FD376C26-B4CF-41E1-87D9-A59DDF770948}" dt="2021-06-03T12:18:46.713" v="1254" actId="1076"/>
          <ac:picMkLst>
            <pc:docMk/>
            <pc:sldMk cId="3785708882" sldId="297"/>
            <ac:picMk id="6" creationId="{80E4E535-353D-489E-BDA4-A29844A084D8}"/>
          </ac:picMkLst>
        </pc:picChg>
        <pc:cxnChg chg="add">
          <ac:chgData name="Alan Wai Hou Lio" userId="4e2e7dda-a9a8-4e9f-8daf-fb8d3a66df36" providerId="ADAL" clId="{FD376C26-B4CF-41E1-87D9-A59DDF770948}" dt="2021-06-03T12:19:01.337" v="1257" actId="11529"/>
          <ac:cxnSpMkLst>
            <pc:docMk/>
            <pc:sldMk cId="3785708882" sldId="297"/>
            <ac:cxnSpMk id="10" creationId="{6249210F-560A-4E36-B726-6C6C0CCCAD7B}"/>
          </ac:cxnSpMkLst>
        </pc:cxnChg>
        <pc:cxnChg chg="add mod">
          <ac:chgData name="Alan Wai Hou Lio" userId="4e2e7dda-a9a8-4e9f-8daf-fb8d3a66df36" providerId="ADAL" clId="{FD376C26-B4CF-41E1-87D9-A59DDF770948}" dt="2021-06-03T12:19:25.562" v="1268" actId="1076"/>
          <ac:cxnSpMkLst>
            <pc:docMk/>
            <pc:sldMk cId="3785708882" sldId="297"/>
            <ac:cxnSpMk id="12" creationId="{A71FD8CF-56B0-49D3-B649-5D6B953DE89C}"/>
          </ac:cxnSpMkLst>
        </pc:cxnChg>
      </pc:sldChg>
      <pc:sldChg chg="addSp delSp modSp new mod ord modAnim">
        <pc:chgData name="Alan Wai Hou Lio" userId="4e2e7dda-a9a8-4e9f-8daf-fb8d3a66df36" providerId="ADAL" clId="{FD376C26-B4CF-41E1-87D9-A59DDF770948}" dt="2021-06-07T14:44:43.901" v="4220"/>
        <pc:sldMkLst>
          <pc:docMk/>
          <pc:sldMk cId="4225219025" sldId="298"/>
        </pc:sldMkLst>
        <pc:spChg chg="mod">
          <ac:chgData name="Alan Wai Hou Lio" userId="4e2e7dda-a9a8-4e9f-8daf-fb8d3a66df36" providerId="ADAL" clId="{FD376C26-B4CF-41E1-87D9-A59DDF770948}" dt="2021-06-03T12:22:00.033" v="1489"/>
          <ac:spMkLst>
            <pc:docMk/>
            <pc:sldMk cId="4225219025" sldId="298"/>
            <ac:spMk id="2" creationId="{7B648363-4D04-4BDC-B681-A15821C49E89}"/>
          </ac:spMkLst>
        </pc:spChg>
        <pc:spChg chg="mod">
          <ac:chgData name="Alan Wai Hou Lio" userId="4e2e7dda-a9a8-4e9f-8daf-fb8d3a66df36" providerId="ADAL" clId="{FD376C26-B4CF-41E1-87D9-A59DDF770948}" dt="2021-06-03T12:42:51.585" v="2094" actId="20577"/>
          <ac:spMkLst>
            <pc:docMk/>
            <pc:sldMk cId="4225219025" sldId="298"/>
            <ac:spMk id="3" creationId="{382C89EF-45C2-4AAA-82AC-091C44C66D9F}"/>
          </ac:spMkLst>
        </pc:spChg>
        <pc:spChg chg="add mod">
          <ac:chgData name="Alan Wai Hou Lio" userId="4e2e7dda-a9a8-4e9f-8daf-fb8d3a66df36" providerId="ADAL" clId="{FD376C26-B4CF-41E1-87D9-A59DDF770948}" dt="2021-06-03T13:35:53.681" v="2972" actId="20577"/>
          <ac:spMkLst>
            <pc:docMk/>
            <pc:sldMk cId="4225219025" sldId="298"/>
            <ac:spMk id="5" creationId="{65289609-248C-4CB2-B18F-92EA9D2F14FB}"/>
          </ac:spMkLst>
        </pc:spChg>
        <pc:spChg chg="add mod">
          <ac:chgData name="Alan Wai Hou Lio" userId="4e2e7dda-a9a8-4e9f-8daf-fb8d3a66df36" providerId="ADAL" clId="{FD376C26-B4CF-41E1-87D9-A59DDF770948}" dt="2021-06-03T12:24:26.149" v="1552" actId="1076"/>
          <ac:spMkLst>
            <pc:docMk/>
            <pc:sldMk cId="4225219025" sldId="298"/>
            <ac:spMk id="6" creationId="{CCF112F8-8A67-4CA8-ABE7-046A04E188CA}"/>
          </ac:spMkLst>
        </pc:spChg>
        <pc:spChg chg="add mod">
          <ac:chgData name="Alan Wai Hou Lio" userId="4e2e7dda-a9a8-4e9f-8daf-fb8d3a66df36" providerId="ADAL" clId="{FD376C26-B4CF-41E1-87D9-A59DDF770948}" dt="2021-06-03T12:26:33.174" v="1623" actId="1076"/>
          <ac:spMkLst>
            <pc:docMk/>
            <pc:sldMk cId="4225219025" sldId="298"/>
            <ac:spMk id="7" creationId="{09E22235-4721-461F-BBA2-FE1D7666C097}"/>
          </ac:spMkLst>
        </pc:spChg>
        <pc:spChg chg="add del mod">
          <ac:chgData name="Alan Wai Hou Lio" userId="4e2e7dda-a9a8-4e9f-8daf-fb8d3a66df36" providerId="ADAL" clId="{FD376C26-B4CF-41E1-87D9-A59DDF770948}" dt="2021-06-03T12:39:18.630" v="1966"/>
          <ac:spMkLst>
            <pc:docMk/>
            <pc:sldMk cId="4225219025" sldId="298"/>
            <ac:spMk id="8" creationId="{FF911BED-8C7A-4487-B2CA-16FB67232097}"/>
          </ac:spMkLst>
        </pc:spChg>
        <pc:spChg chg="add mod">
          <ac:chgData name="Alan Wai Hou Lio" userId="4e2e7dda-a9a8-4e9f-8daf-fb8d3a66df36" providerId="ADAL" clId="{FD376C26-B4CF-41E1-87D9-A59DDF770948}" dt="2021-06-03T12:31:42.712" v="1750" actId="1076"/>
          <ac:spMkLst>
            <pc:docMk/>
            <pc:sldMk cId="4225219025" sldId="298"/>
            <ac:spMk id="9" creationId="{33A8563E-7684-482C-894C-240E4B2AAC5D}"/>
          </ac:spMkLst>
        </pc:spChg>
        <pc:spChg chg="add mod">
          <ac:chgData name="Alan Wai Hou Lio" userId="4e2e7dda-a9a8-4e9f-8daf-fb8d3a66df36" providerId="ADAL" clId="{FD376C26-B4CF-41E1-87D9-A59DDF770948}" dt="2021-06-03T13:35:41.554" v="2966" actId="20577"/>
          <ac:spMkLst>
            <pc:docMk/>
            <pc:sldMk cId="4225219025" sldId="298"/>
            <ac:spMk id="10" creationId="{C2AC25AF-04F5-4B93-A906-7836438FA753}"/>
          </ac:spMkLst>
        </pc:spChg>
        <pc:spChg chg="add mod">
          <ac:chgData name="Alan Wai Hou Lio" userId="4e2e7dda-a9a8-4e9f-8daf-fb8d3a66df36" providerId="ADAL" clId="{FD376C26-B4CF-41E1-87D9-A59DDF770948}" dt="2021-06-03T13:35:47.658" v="2970" actId="20577"/>
          <ac:spMkLst>
            <pc:docMk/>
            <pc:sldMk cId="4225219025" sldId="298"/>
            <ac:spMk id="11" creationId="{23ED1EDE-B398-4472-88DC-0F8C97002CCF}"/>
          </ac:spMkLst>
        </pc:spChg>
        <pc:spChg chg="add del mod">
          <ac:chgData name="Alan Wai Hou Lio" userId="4e2e7dda-a9a8-4e9f-8daf-fb8d3a66df36" providerId="ADAL" clId="{FD376C26-B4CF-41E1-87D9-A59DDF770948}" dt="2021-06-03T12:42:21.597" v="2058" actId="478"/>
          <ac:spMkLst>
            <pc:docMk/>
            <pc:sldMk cId="4225219025" sldId="298"/>
            <ac:spMk id="12" creationId="{14B54177-F372-4369-A69B-EDAC436842BD}"/>
          </ac:spMkLst>
        </pc:spChg>
        <pc:spChg chg="add mod">
          <ac:chgData name="Alan Wai Hou Lio" userId="4e2e7dda-a9a8-4e9f-8daf-fb8d3a66df36" providerId="ADAL" clId="{FD376C26-B4CF-41E1-87D9-A59DDF770948}" dt="2021-06-03T13:35:44.913" v="2968" actId="20577"/>
          <ac:spMkLst>
            <pc:docMk/>
            <pc:sldMk cId="4225219025" sldId="298"/>
            <ac:spMk id="13" creationId="{6E9048CA-27D5-4DE7-8F57-D786C3E6CC53}"/>
          </ac:spMkLst>
        </pc:spChg>
        <pc:spChg chg="add del mod">
          <ac:chgData name="Alan Wai Hou Lio" userId="4e2e7dda-a9a8-4e9f-8daf-fb8d3a66df36" providerId="ADAL" clId="{FD376C26-B4CF-41E1-87D9-A59DDF770948}" dt="2021-06-03T12:51:12.977" v="2220"/>
          <ac:spMkLst>
            <pc:docMk/>
            <pc:sldMk cId="4225219025" sldId="298"/>
            <ac:spMk id="14" creationId="{40ADA402-BCDB-4EBD-9EC0-43DD6E524E82}"/>
          </ac:spMkLst>
        </pc:spChg>
        <pc:spChg chg="add mod">
          <ac:chgData name="Alan Wai Hou Lio" userId="4e2e7dda-a9a8-4e9f-8daf-fb8d3a66df36" providerId="ADAL" clId="{FD376C26-B4CF-41E1-87D9-A59DDF770948}" dt="2021-06-03T12:53:19.557" v="2271" actId="1076"/>
          <ac:spMkLst>
            <pc:docMk/>
            <pc:sldMk cId="4225219025" sldId="298"/>
            <ac:spMk id="15" creationId="{99D45B22-ABDB-4690-A32F-CAB156D60FF6}"/>
          </ac:spMkLst>
        </pc:spChg>
      </pc:sldChg>
      <pc:sldChg chg="addSp delSp modSp new mod modAnim">
        <pc:chgData name="Alan Wai Hou Lio" userId="4e2e7dda-a9a8-4e9f-8daf-fb8d3a66df36" providerId="ADAL" clId="{FD376C26-B4CF-41E1-87D9-A59DDF770948}" dt="2021-06-07T14:45:07.053" v="4221"/>
        <pc:sldMkLst>
          <pc:docMk/>
          <pc:sldMk cId="1233478976" sldId="299"/>
        </pc:sldMkLst>
        <pc:spChg chg="mod">
          <ac:chgData name="Alan Wai Hou Lio" userId="4e2e7dda-a9a8-4e9f-8daf-fb8d3a66df36" providerId="ADAL" clId="{FD376C26-B4CF-41E1-87D9-A59DDF770948}" dt="2021-06-03T12:53:43.762" v="2320" actId="20577"/>
          <ac:spMkLst>
            <pc:docMk/>
            <pc:sldMk cId="1233478976" sldId="299"/>
            <ac:spMk id="2" creationId="{969B778A-13D9-4B1C-8B31-95332C07656F}"/>
          </ac:spMkLst>
        </pc:spChg>
        <pc:spChg chg="mod">
          <ac:chgData name="Alan Wai Hou Lio" userId="4e2e7dda-a9a8-4e9f-8daf-fb8d3a66df36" providerId="ADAL" clId="{FD376C26-B4CF-41E1-87D9-A59DDF770948}" dt="2021-06-03T13:24:08.038" v="2777" actId="20577"/>
          <ac:spMkLst>
            <pc:docMk/>
            <pc:sldMk cId="1233478976" sldId="299"/>
            <ac:spMk id="3" creationId="{F4688B9C-EB05-4B22-A41C-B8277512A066}"/>
          </ac:spMkLst>
        </pc:spChg>
        <pc:spChg chg="add mod">
          <ac:chgData name="Alan Wai Hou Lio" userId="4e2e7dda-a9a8-4e9f-8daf-fb8d3a66df36" providerId="ADAL" clId="{FD376C26-B4CF-41E1-87D9-A59DDF770948}" dt="2021-06-03T13:35:24.863" v="2956" actId="20577"/>
          <ac:spMkLst>
            <pc:docMk/>
            <pc:sldMk cId="1233478976" sldId="299"/>
            <ac:spMk id="5" creationId="{AACD7C1D-DD0F-46FE-8C1E-05DC2A90A895}"/>
          </ac:spMkLst>
        </pc:spChg>
        <pc:spChg chg="add mod">
          <ac:chgData name="Alan Wai Hou Lio" userId="4e2e7dda-a9a8-4e9f-8daf-fb8d3a66df36" providerId="ADAL" clId="{FD376C26-B4CF-41E1-87D9-A59DDF770948}" dt="2021-06-03T13:26:36.190" v="2849" actId="20577"/>
          <ac:spMkLst>
            <pc:docMk/>
            <pc:sldMk cId="1233478976" sldId="299"/>
            <ac:spMk id="6" creationId="{C653D61C-5943-487C-BC20-23CB601138C1}"/>
          </ac:spMkLst>
        </pc:spChg>
        <pc:spChg chg="add mod">
          <ac:chgData name="Alan Wai Hou Lio" userId="4e2e7dda-a9a8-4e9f-8daf-fb8d3a66df36" providerId="ADAL" clId="{FD376C26-B4CF-41E1-87D9-A59DDF770948}" dt="2021-06-03T13:35:32.119" v="2960" actId="20577"/>
          <ac:spMkLst>
            <pc:docMk/>
            <pc:sldMk cId="1233478976" sldId="299"/>
            <ac:spMk id="10" creationId="{A59222A3-5729-45E4-8BE0-C6614ED4F73D}"/>
          </ac:spMkLst>
        </pc:spChg>
        <pc:spChg chg="add mod">
          <ac:chgData name="Alan Wai Hou Lio" userId="4e2e7dda-a9a8-4e9f-8daf-fb8d3a66df36" providerId="ADAL" clId="{FD376C26-B4CF-41E1-87D9-A59DDF770948}" dt="2021-06-03T13:35:28.784" v="2958" actId="20577"/>
          <ac:spMkLst>
            <pc:docMk/>
            <pc:sldMk cId="1233478976" sldId="299"/>
            <ac:spMk id="11" creationId="{C16D5A4E-986F-4F5C-AA62-AA0DAC02DB8F}"/>
          </ac:spMkLst>
        </pc:spChg>
        <pc:spChg chg="add mod">
          <ac:chgData name="Alan Wai Hou Lio" userId="4e2e7dda-a9a8-4e9f-8daf-fb8d3a66df36" providerId="ADAL" clId="{FD376C26-B4CF-41E1-87D9-A59DDF770948}" dt="2021-06-03T13:35:34.871" v="2962" actId="20577"/>
          <ac:spMkLst>
            <pc:docMk/>
            <pc:sldMk cId="1233478976" sldId="299"/>
            <ac:spMk id="12" creationId="{295988A8-96C8-478A-8489-CC29600B1EF4}"/>
          </ac:spMkLst>
        </pc:spChg>
        <pc:picChg chg="add del mod">
          <ac:chgData name="Alan Wai Hou Lio" userId="4e2e7dda-a9a8-4e9f-8daf-fb8d3a66df36" providerId="ADAL" clId="{FD376C26-B4CF-41E1-87D9-A59DDF770948}" dt="2021-06-03T13:08:51.196" v="2408" actId="478"/>
          <ac:picMkLst>
            <pc:docMk/>
            <pc:sldMk cId="1233478976" sldId="299"/>
            <ac:picMk id="1026" creationId="{094C934E-B16F-4989-BD0D-087C66957D20}"/>
          </ac:picMkLst>
        </pc:picChg>
        <pc:picChg chg="add del mod">
          <ac:chgData name="Alan Wai Hou Lio" userId="4e2e7dda-a9a8-4e9f-8daf-fb8d3a66df36" providerId="ADAL" clId="{FD376C26-B4CF-41E1-87D9-A59DDF770948}" dt="2021-06-03T13:09:01.252" v="2411" actId="478"/>
          <ac:picMkLst>
            <pc:docMk/>
            <pc:sldMk cId="1233478976" sldId="299"/>
            <ac:picMk id="1028" creationId="{050FA25B-F415-4A64-9935-60C4C217AE30}"/>
          </ac:picMkLst>
        </pc:picChg>
        <pc:picChg chg="add mod">
          <ac:chgData name="Alan Wai Hou Lio" userId="4e2e7dda-a9a8-4e9f-8daf-fb8d3a66df36" providerId="ADAL" clId="{FD376C26-B4CF-41E1-87D9-A59DDF770948}" dt="2021-06-03T13:15:17.570" v="2727" actId="1076"/>
          <ac:picMkLst>
            <pc:docMk/>
            <pc:sldMk cId="1233478976" sldId="299"/>
            <ac:picMk id="1030" creationId="{68B81E13-25CC-4108-8F56-2CC6C62967A5}"/>
          </ac:picMkLst>
        </pc:picChg>
      </pc:sldChg>
      <pc:sldChg chg="addSp modSp new mod modAnim">
        <pc:chgData name="Alan Wai Hou Lio" userId="4e2e7dda-a9a8-4e9f-8daf-fb8d3a66df36" providerId="ADAL" clId="{FD376C26-B4CF-41E1-87D9-A59DDF770948}" dt="2021-06-03T14:58:50.283" v="3742" actId="1076"/>
        <pc:sldMkLst>
          <pc:docMk/>
          <pc:sldMk cId="3155007109" sldId="300"/>
        </pc:sldMkLst>
        <pc:spChg chg="mod">
          <ac:chgData name="Alan Wai Hou Lio" userId="4e2e7dda-a9a8-4e9f-8daf-fb8d3a66df36" providerId="ADAL" clId="{FD376C26-B4CF-41E1-87D9-A59DDF770948}" dt="2021-06-03T14:44:39.503" v="3339" actId="20577"/>
          <ac:spMkLst>
            <pc:docMk/>
            <pc:sldMk cId="3155007109" sldId="300"/>
            <ac:spMk id="2" creationId="{64672593-4AEA-4FD5-8D32-5F8A5742F98B}"/>
          </ac:spMkLst>
        </pc:spChg>
        <pc:spChg chg="mod">
          <ac:chgData name="Alan Wai Hou Lio" userId="4e2e7dda-a9a8-4e9f-8daf-fb8d3a66df36" providerId="ADAL" clId="{FD376C26-B4CF-41E1-87D9-A59DDF770948}" dt="2021-06-03T14:47:16.443" v="3477" actId="20577"/>
          <ac:spMkLst>
            <pc:docMk/>
            <pc:sldMk cId="3155007109" sldId="300"/>
            <ac:spMk id="3" creationId="{C6857A42-3134-45F0-8C73-486755B78FAD}"/>
          </ac:spMkLst>
        </pc:spChg>
        <pc:spChg chg="add mod">
          <ac:chgData name="Alan Wai Hou Lio" userId="4e2e7dda-a9a8-4e9f-8daf-fb8d3a66df36" providerId="ADAL" clId="{FD376C26-B4CF-41E1-87D9-A59DDF770948}" dt="2021-06-03T14:46:13.761" v="3375" actId="1076"/>
          <ac:spMkLst>
            <pc:docMk/>
            <pc:sldMk cId="3155007109" sldId="300"/>
            <ac:spMk id="5" creationId="{9F12ECB9-FEB0-409E-A20D-24A733B32770}"/>
          </ac:spMkLst>
        </pc:spChg>
        <pc:spChg chg="add mod">
          <ac:chgData name="Alan Wai Hou Lio" userId="4e2e7dda-a9a8-4e9f-8daf-fb8d3a66df36" providerId="ADAL" clId="{FD376C26-B4CF-41E1-87D9-A59DDF770948}" dt="2021-06-03T14:58:48.008" v="3741" actId="20577"/>
          <ac:spMkLst>
            <pc:docMk/>
            <pc:sldMk cId="3155007109" sldId="300"/>
            <ac:spMk id="6" creationId="{98B372FE-01AB-40E2-A389-C2FBFA82EA2D}"/>
          </ac:spMkLst>
        </pc:spChg>
        <pc:picChg chg="add mod">
          <ac:chgData name="Alan Wai Hou Lio" userId="4e2e7dda-a9a8-4e9f-8daf-fb8d3a66df36" providerId="ADAL" clId="{FD376C26-B4CF-41E1-87D9-A59DDF770948}" dt="2021-06-03T14:58:50.283" v="3742" actId="1076"/>
          <ac:picMkLst>
            <pc:docMk/>
            <pc:sldMk cId="3155007109" sldId="300"/>
            <ac:picMk id="8" creationId="{3A04D6FF-8801-4469-94DD-BB49E91727C0}"/>
          </ac:picMkLst>
        </pc:picChg>
      </pc:sldChg>
      <pc:sldChg chg="addSp delSp modSp new mod modAnim">
        <pc:chgData name="Alan Wai Hou Lio" userId="4e2e7dda-a9a8-4e9f-8daf-fb8d3a66df36" providerId="ADAL" clId="{FD376C26-B4CF-41E1-87D9-A59DDF770948}" dt="2021-06-03T15:02:29.869" v="4202"/>
        <pc:sldMkLst>
          <pc:docMk/>
          <pc:sldMk cId="4055543664" sldId="301"/>
        </pc:sldMkLst>
        <pc:spChg chg="del">
          <ac:chgData name="Alan Wai Hou Lio" userId="4e2e7dda-a9a8-4e9f-8daf-fb8d3a66df36" providerId="ADAL" clId="{FD376C26-B4CF-41E1-87D9-A59DDF770948}" dt="2021-06-03T14:51:29.169" v="3627"/>
          <ac:spMkLst>
            <pc:docMk/>
            <pc:sldMk cId="4055543664" sldId="301"/>
            <ac:spMk id="2" creationId="{6DAB7286-CFF8-40DF-B69E-CD5803F4F9D8}"/>
          </ac:spMkLst>
        </pc:spChg>
        <pc:spChg chg="add mod">
          <ac:chgData name="Alan Wai Hou Lio" userId="4e2e7dda-a9a8-4e9f-8daf-fb8d3a66df36" providerId="ADAL" clId="{FD376C26-B4CF-41E1-87D9-A59DDF770948}" dt="2021-06-03T14:51:29.169" v="3627"/>
          <ac:spMkLst>
            <pc:docMk/>
            <pc:sldMk cId="4055543664" sldId="301"/>
            <ac:spMk id="6" creationId="{5C4F39F4-7592-4932-89EA-AA2375EC827E}"/>
          </ac:spMkLst>
        </pc:spChg>
        <pc:spChg chg="add mod">
          <ac:chgData name="Alan Wai Hou Lio" userId="4e2e7dda-a9a8-4e9f-8daf-fb8d3a66df36" providerId="ADAL" clId="{FD376C26-B4CF-41E1-87D9-A59DDF770948}" dt="2021-06-03T15:02:15.202" v="4185" actId="1076"/>
          <ac:spMkLst>
            <pc:docMk/>
            <pc:sldMk cId="4055543664" sldId="301"/>
            <ac:spMk id="7" creationId="{5D82FC58-C309-4E6B-ABD1-05E738EE37D9}"/>
          </ac:spMkLst>
        </pc:spChg>
        <pc:spChg chg="add del mod">
          <ac:chgData name="Alan Wai Hou Lio" userId="4e2e7dda-a9a8-4e9f-8daf-fb8d3a66df36" providerId="ADAL" clId="{FD376C26-B4CF-41E1-87D9-A59DDF770948}" dt="2021-06-03T14:55:51.657" v="3730" actId="478"/>
          <ac:spMkLst>
            <pc:docMk/>
            <pc:sldMk cId="4055543664" sldId="301"/>
            <ac:spMk id="8" creationId="{958B3D3D-F04C-4896-9B4F-016C657A229C}"/>
          </ac:spMkLst>
        </pc:spChg>
        <pc:spChg chg="add del mod">
          <ac:chgData name="Alan Wai Hou Lio" userId="4e2e7dda-a9a8-4e9f-8daf-fb8d3a66df36" providerId="ADAL" clId="{FD376C26-B4CF-41E1-87D9-A59DDF770948}" dt="2021-06-03T14:55:54.199" v="3733" actId="478"/>
          <ac:spMkLst>
            <pc:docMk/>
            <pc:sldMk cId="4055543664" sldId="301"/>
            <ac:spMk id="11" creationId="{757BDF57-7427-46F3-B5A6-B063D394C1C9}"/>
          </ac:spMkLst>
        </pc:spChg>
        <pc:spChg chg="add del mod">
          <ac:chgData name="Alan Wai Hou Lio" userId="4e2e7dda-a9a8-4e9f-8daf-fb8d3a66df36" providerId="ADAL" clId="{FD376C26-B4CF-41E1-87D9-A59DDF770948}" dt="2021-06-03T15:02:29.869" v="4202"/>
          <ac:spMkLst>
            <pc:docMk/>
            <pc:sldMk cId="4055543664" sldId="301"/>
            <ac:spMk id="13" creationId="{54AEC4C5-F404-4E90-8090-E374D05B03B2}"/>
          </ac:spMkLst>
        </pc:spChg>
        <pc:picChg chg="add del mod">
          <ac:chgData name="Alan Wai Hou Lio" userId="4e2e7dda-a9a8-4e9f-8daf-fb8d3a66df36" providerId="ADAL" clId="{FD376C26-B4CF-41E1-87D9-A59DDF770948}" dt="2021-06-03T14:55:28.368" v="3722" actId="478"/>
          <ac:picMkLst>
            <pc:docMk/>
            <pc:sldMk cId="4055543664" sldId="301"/>
            <ac:picMk id="5" creationId="{29A18602-23A5-40AB-8B38-ED2156F6DAD2}"/>
          </ac:picMkLst>
        </pc:picChg>
        <pc:picChg chg="add mod ord">
          <ac:chgData name="Alan Wai Hou Lio" userId="4e2e7dda-a9a8-4e9f-8daf-fb8d3a66df36" providerId="ADAL" clId="{FD376C26-B4CF-41E1-87D9-A59DDF770948}" dt="2021-06-03T14:55:44.382" v="3727" actId="1076"/>
          <ac:picMkLst>
            <pc:docMk/>
            <pc:sldMk cId="4055543664" sldId="301"/>
            <ac:picMk id="12" creationId="{6CD5E37C-DC5D-42DA-AB37-588E522F0A6A}"/>
          </ac:picMkLst>
        </pc:picChg>
        <pc:cxnChg chg="add del mod">
          <ac:chgData name="Alan Wai Hou Lio" userId="4e2e7dda-a9a8-4e9f-8daf-fb8d3a66df36" providerId="ADAL" clId="{FD376C26-B4CF-41E1-87D9-A59DDF770948}" dt="2021-06-03T14:55:52.550" v="3731" actId="478"/>
          <ac:cxnSpMkLst>
            <pc:docMk/>
            <pc:sldMk cId="4055543664" sldId="301"/>
            <ac:cxnSpMk id="10" creationId="{AE2BA247-C15B-487C-B95A-AAAA5C6FC0DE}"/>
          </ac:cxnSpMkLst>
        </pc:cxnChg>
      </pc:sldChg>
      <pc:sldChg chg="modSp new mod">
        <pc:chgData name="Alan Wai Hou Lio" userId="4e2e7dda-a9a8-4e9f-8daf-fb8d3a66df36" providerId="ADAL" clId="{FD376C26-B4CF-41E1-87D9-A59DDF770948}" dt="2021-06-03T15:02:35.258" v="4203" actId="2710"/>
        <pc:sldMkLst>
          <pc:docMk/>
          <pc:sldMk cId="3457511859" sldId="302"/>
        </pc:sldMkLst>
        <pc:spChg chg="mod">
          <ac:chgData name="Alan Wai Hou Lio" userId="4e2e7dda-a9a8-4e9f-8daf-fb8d3a66df36" providerId="ADAL" clId="{FD376C26-B4CF-41E1-87D9-A59DDF770948}" dt="2021-06-03T14:53:23" v="3720" actId="20577"/>
          <ac:spMkLst>
            <pc:docMk/>
            <pc:sldMk cId="3457511859" sldId="302"/>
            <ac:spMk id="2" creationId="{102C03BE-731F-47E4-B6E0-8B3D48A518E9}"/>
          </ac:spMkLst>
        </pc:spChg>
        <pc:spChg chg="mod">
          <ac:chgData name="Alan Wai Hou Lio" userId="4e2e7dda-a9a8-4e9f-8daf-fb8d3a66df36" providerId="ADAL" clId="{FD376C26-B4CF-41E1-87D9-A59DDF770948}" dt="2021-06-03T15:02:35.258" v="4203" actId="2710"/>
          <ac:spMkLst>
            <pc:docMk/>
            <pc:sldMk cId="3457511859" sldId="302"/>
            <ac:spMk id="3" creationId="{424C7E60-DC37-4D38-9FB2-7F1126F45A51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2e20b93-f8f0-4438-9d21-6230dbd4e858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405b9a8a-8b41-41ab-8c32-d93f4eb448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2 Oct. 2019</a:t>
            </a:r>
          </a:p>
        </p:txBody>
      </p:sp>
      <p:sp>
        <p:nvSpPr>
          <p:cNvPr id="7" name="text" descr="{&quot;templafy&quot;:{&quot;id&quot;:&quot;bd0d50e4-bc21-458e-ac32-a3237323919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51" y="6548503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r>
              <a:rPr lang="en-US" sz="800" dirty="0">
                <a:solidFill>
                  <a:schemeClr val="bg1"/>
                </a:solidFill>
              </a:rPr>
              <a:t>                                                                                 </a:t>
            </a:r>
            <a:r>
              <a:rPr lang="en-US" sz="700" b="1" kern="1200" dirty="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rPr>
              <a:t>46320: Loads, Aerodynamics and Control of Wind Turbines</a:t>
            </a:r>
            <a:endParaRPr lang="en-GB" sz="700" b="1" kern="1200" dirty="0">
              <a:solidFill>
                <a:schemeClr val="bg1"/>
              </a:solidFill>
              <a:latin typeface="+mn-lt"/>
              <a:ea typeface="ＭＳ Ｐゴシック" pitchFamily="-80" charset="-128"/>
              <a:cs typeface="+mn-cs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11.xml.rels><?xml version="1.0" encoding="UTF-8" standalone="yes"?>
<Relationships xmlns="http://schemas.openxmlformats.org/package/2006/relationships"><Relationship Id="rId7" Type="http://schemas.openxmlformats.org/officeDocument/2006/relationships/image" Target="../media/image10.tmp"/><Relationship Id="rId2" Type="http://schemas.openxmlformats.org/officeDocument/2006/relationships/image" Target="../media/image9.jp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34.png"/><Relationship Id="rId5" Type="http://schemas.openxmlformats.org/officeDocument/2006/relationships/image" Target="../media/image5.jpeg"/><Relationship Id="rId4" Type="http://schemas.openxmlformats.org/officeDocument/2006/relationships/image" Target="../media/image60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tmp"/><Relationship Id="rId2" Type="http://schemas.openxmlformats.org/officeDocument/2006/relationships/hyperlink" Target="Derivation_of_Control_Equation_for_wind_turbine.pdf" TargetMode="Externa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41.png"/><Relationship Id="rId5" Type="http://schemas.openxmlformats.org/officeDocument/2006/relationships/image" Target="../media/image11.png"/><Relationship Id="rId4" Type="http://schemas.openxmlformats.org/officeDocument/2006/relationships/image" Target="../media/image39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9.png"/><Relationship Id="rId3" Type="http://schemas.openxmlformats.org/officeDocument/2006/relationships/image" Target="../media/image45.png"/><Relationship Id="rId7" Type="http://schemas.openxmlformats.org/officeDocument/2006/relationships/image" Target="../media/image48.png"/><Relationship Id="rId2" Type="http://schemas.openxmlformats.org/officeDocument/2006/relationships/image" Target="../media/image20.tmp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7.png"/><Relationship Id="rId5" Type="http://schemas.openxmlformats.org/officeDocument/2006/relationships/image" Target="../media/image3.jpg"/><Relationship Id="rId10" Type="http://schemas.openxmlformats.org/officeDocument/2006/relationships/image" Target="../media/image51.png"/><Relationship Id="rId4" Type="http://schemas.openxmlformats.org/officeDocument/2006/relationships/image" Target="../media/image46.png"/><Relationship Id="rId9" Type="http://schemas.openxmlformats.org/officeDocument/2006/relationships/image" Target="../media/image50.pn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0.png"/><Relationship Id="rId13" Type="http://schemas.openxmlformats.org/officeDocument/2006/relationships/image" Target="../media/image150.png"/><Relationship Id="rId3" Type="http://schemas.openxmlformats.org/officeDocument/2006/relationships/image" Target="../media/image53.png"/><Relationship Id="rId7" Type="http://schemas.openxmlformats.org/officeDocument/2006/relationships/image" Target="../media/image90.png"/><Relationship Id="rId12" Type="http://schemas.openxmlformats.org/officeDocument/2006/relationships/image" Target="../media/image140.png"/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80.png"/><Relationship Id="rId11" Type="http://schemas.openxmlformats.org/officeDocument/2006/relationships/image" Target="../media/image130.png"/><Relationship Id="rId10" Type="http://schemas.openxmlformats.org/officeDocument/2006/relationships/image" Target="../media/image55.png"/><Relationship Id="rId9" Type="http://schemas.openxmlformats.org/officeDocument/2006/relationships/image" Target="../media/image28.png"/><Relationship Id="rId14" Type="http://schemas.openxmlformats.org/officeDocument/2006/relationships/image" Target="../media/image33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tmp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emf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6.tmp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hyperlink" Target="mailto:wali@dtu.dk" TargetMode="Externa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emf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tmp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tm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3.png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3.jp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4.emf"/><Relationship Id="rId4" Type="http://schemas.openxmlformats.org/officeDocument/2006/relationships/image" Target="../media/image7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5.jpe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png"/><Relationship Id="rId3" Type="http://schemas.openxmlformats.org/officeDocument/2006/relationships/image" Target="../media/image21.png"/><Relationship Id="rId7" Type="http://schemas.openxmlformats.org/officeDocument/2006/relationships/image" Target="../media/image25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Relationship Id="rId9" Type="http://schemas.openxmlformats.org/officeDocument/2006/relationships/image" Target="../media/image2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0" name="Picture 6">
            <a:extLst>
              <a:ext uri="{FF2B5EF4-FFF2-40B4-BE49-F238E27FC236}">
                <a16:creationId xmlns:a16="http://schemas.microsoft.com/office/drawing/2014/main" id="{68B81E13-25CC-4108-8F56-2CC6C62967A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3" t="15350" r="769" b="18367"/>
          <a:stretch/>
        </p:blipFill>
        <p:spPr bwMode="auto">
          <a:xfrm>
            <a:off x="6322150" y="838235"/>
            <a:ext cx="5400600" cy="25632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69B778A-13D9-4B1C-8B31-95332C0765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Alternative form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688B9C-EB05-4B22-A41C-B8277512A06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On the Low-Speed Side (</a:t>
            </a:r>
            <a:r>
              <a:rPr lang="en-GB" b="1" dirty="0"/>
              <a:t>LSS</a:t>
            </a:r>
            <a:r>
              <a:rPr lang="en-GB" dirty="0"/>
              <a:t>)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On the High-Speed Side (HSS)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Thus,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C7F3AD-A6B5-4F6A-9574-6B89CBA7805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AACD7C1D-DD0F-46FE-8C1E-05DC2A90A895}"/>
                  </a:ext>
                </a:extLst>
              </p:cNvPr>
              <p:cNvSpPr/>
              <p:nvPr/>
            </p:nvSpPr>
            <p:spPr>
              <a:xfrm>
                <a:off x="2350790" y="2132856"/>
                <a:ext cx="3477683" cy="562142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𝜂𝜌𝜋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5</m:t>
                            </m:r>
                          </m:sup>
                        </m:sSup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𝜆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</m:e>
                        </m:d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𝑡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𝛺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𝑝𝑡</m:t>
                        </m:r>
                      </m:sub>
                    </m:sSub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𝛺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i="1" dirty="0"/>
                  <a:t> </a:t>
                </a:r>
              </a:p>
            </p:txBody>
          </p:sp>
        </mc:Choice>
        <mc:Fallback xmlns="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AACD7C1D-DD0F-46FE-8C1E-05DC2A90A895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50790" y="2132856"/>
                <a:ext cx="3477683" cy="562142"/>
              </a:xfrm>
              <a:prstGeom prst="rect">
                <a:avLst/>
              </a:prstGeom>
              <a:blipFill>
                <a:blip r:embed="rId3"/>
                <a:stretch>
                  <a:fillRect b="-108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TextBox 5">
            <a:extLst>
              <a:ext uri="{FF2B5EF4-FFF2-40B4-BE49-F238E27FC236}">
                <a16:creationId xmlns:a16="http://schemas.microsoft.com/office/drawing/2014/main" id="{C653D61C-5943-487C-BC20-23CB601138C1}"/>
              </a:ext>
            </a:extLst>
          </p:cNvPr>
          <p:cNvSpPr txBox="1"/>
          <p:nvPr/>
        </p:nvSpPr>
        <p:spPr>
          <a:xfrm>
            <a:off x="6407224" y="5516132"/>
            <a:ext cx="5400600" cy="789960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>
                <a:latin typeface="+mn-lt"/>
              </a:rPr>
              <a:t>IMPORTANT </a:t>
            </a:r>
          </a:p>
          <a:p>
            <a:pPr algn="l">
              <a:spcBef>
                <a:spcPts val="432"/>
              </a:spcBef>
            </a:pPr>
            <a:r>
              <a:rPr lang="en-GB" dirty="0"/>
              <a:t> I</a:t>
            </a:r>
            <a:r>
              <a:rPr lang="en-GB" dirty="0">
                <a:latin typeface="+mn-lt"/>
              </a:rPr>
              <a:t>n the </a:t>
            </a:r>
            <a:r>
              <a:rPr lang="en-GB" dirty="0" err="1">
                <a:latin typeface="+mn-lt"/>
              </a:rPr>
              <a:t>Matlab</a:t>
            </a:r>
            <a:r>
              <a:rPr lang="en-GB" dirty="0">
                <a:latin typeface="+mn-lt"/>
              </a:rPr>
              <a:t> code, we consider the rotor speed and    generator torque on the </a:t>
            </a:r>
            <a:r>
              <a:rPr lang="en-GB" b="1" dirty="0">
                <a:latin typeface="+mn-lt"/>
              </a:rPr>
              <a:t>LSS</a:t>
            </a:r>
            <a:r>
              <a:rPr lang="en-GB" dirty="0">
                <a:latin typeface="+mn-lt"/>
              </a:rPr>
              <a:t>.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A59222A3-5729-45E4-8BE0-C6614ED4F73D}"/>
                  </a:ext>
                </a:extLst>
              </p:cNvPr>
              <p:cNvSpPr/>
              <p:nvPr/>
            </p:nvSpPr>
            <p:spPr>
              <a:xfrm>
                <a:off x="2259530" y="3383396"/>
                <a:ext cx="2645981" cy="624595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𝐻𝑆𝑆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𝑒</m:t>
                              </m:r>
                            </m:sub>
                          </m:sSub>
                        </m:num>
                        <m:den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den>
                      </m:f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,  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𝑛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Ω</m:t>
                      </m:r>
                    </m:oMath>
                  </m:oMathPara>
                </a14:m>
                <a:endParaRPr lang="en-GB" i="1" dirty="0"/>
              </a:p>
            </p:txBody>
          </p:sp>
        </mc:Choice>
        <mc:Fallback xmlns=""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A59222A3-5729-45E4-8BE0-C6614ED4F73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259530" y="3383396"/>
                <a:ext cx="2645981" cy="624595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C16D5A4E-986F-4F5C-AA62-AA0DAC02DB8F}"/>
                  </a:ext>
                </a:extLst>
              </p:cNvPr>
              <p:cNvSpPr txBox="1"/>
              <p:nvPr/>
            </p:nvSpPr>
            <p:spPr>
              <a:xfrm>
                <a:off x="6992631" y="3570324"/>
                <a:ext cx="2953822" cy="901272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𝐻𝑆𝑆</m:t>
                        </m:r>
                      </m:sub>
                    </m:sSub>
                  </m:oMath>
                </a14:m>
                <a:r>
                  <a:rPr lang="en-GB" b="0" dirty="0"/>
                  <a:t>: generator torque at HSS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GB" b="0" dirty="0"/>
                  <a:t>: generator speed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𝑛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GB" dirty="0"/>
                  <a:t>: gear-box ratio</a:t>
                </a:r>
              </a:p>
            </p:txBody>
          </p:sp>
        </mc:Choice>
        <mc:Fallback xmlns="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C16D5A4E-986F-4F5C-AA62-AA0DAC02DB8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992631" y="3570324"/>
                <a:ext cx="2953822" cy="901272"/>
              </a:xfrm>
              <a:prstGeom prst="rect">
                <a:avLst/>
              </a:prstGeom>
              <a:blipFill>
                <a:blip r:embed="rId5"/>
                <a:stretch>
                  <a:fillRect l="-613" t="-5921" r="-2658" b="-855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295988A8-96C8-478A-8489-CC29600B1EF4}"/>
                  </a:ext>
                </a:extLst>
              </p:cNvPr>
              <p:cNvSpPr/>
              <p:nvPr/>
            </p:nvSpPr>
            <p:spPr>
              <a:xfrm>
                <a:off x="2377083" y="4716173"/>
                <a:ext cx="5482270" cy="693203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𝐻𝑆𝑆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𝜂𝜌𝜋</m:t>
                          </m:r>
                          <m:sSup>
                            <m:s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5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sub>
                          </m:sSub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  <m:sSubSup>
                            <m:sSub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𝛺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𝜂𝜌𝜋</m:t>
                          </m:r>
                          <m:sSup>
                            <m:s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5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sub>
                          </m:sSub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  <m:sSubSup>
                            <m:sSub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  <m:sSubSup>
                        <m:sSub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𝛺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bSup>
                    </m:oMath>
                  </m:oMathPara>
                </a14:m>
                <a:endParaRPr lang="en-GB" i="1" dirty="0"/>
              </a:p>
            </p:txBody>
          </p:sp>
        </mc:Choice>
        <mc:Fallback xmlns="">
          <p:sp>
            <p:nvSpPr>
              <p:cNvPr id="12" name="Rectangle 11">
                <a:extLst>
                  <a:ext uri="{FF2B5EF4-FFF2-40B4-BE49-F238E27FC236}">
                    <a16:creationId xmlns:a16="http://schemas.microsoft.com/office/drawing/2014/main" id="{295988A8-96C8-478A-8489-CC29600B1EF4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377083" y="4716173"/>
                <a:ext cx="5482270" cy="693203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23347897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Titel 1"/>
          <p:cNvSpPr>
            <a:spLocks noGrp="1"/>
          </p:cNvSpPr>
          <p:nvPr>
            <p:ph type="title"/>
          </p:nvPr>
        </p:nvSpPr>
        <p:spPr>
          <a:xfrm>
            <a:off x="885535" y="759280"/>
            <a:ext cx="5785735" cy="598920"/>
          </a:xfrm>
        </p:spPr>
        <p:txBody>
          <a:bodyPr/>
          <a:lstStyle/>
          <a:p>
            <a:r>
              <a:rPr lang="en-US" dirty="0"/>
              <a:t>Region 2: Optimal Cp tracking</a:t>
            </a:r>
            <a:endParaRPr lang="da-DK" dirty="0"/>
          </a:p>
        </p:txBody>
      </p:sp>
      <p:pic>
        <p:nvPicPr>
          <p:cNvPr id="31" name="Pladsholder til indhold 3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7830" y="2604099"/>
            <a:ext cx="6758753" cy="3818760"/>
          </a:xfrm>
        </p:spPr>
      </p:pic>
      <p:sp>
        <p:nvSpPr>
          <p:cNvPr id="32" name="Rektangel 4"/>
          <p:cNvSpPr/>
          <p:nvPr/>
        </p:nvSpPr>
        <p:spPr bwMode="auto">
          <a:xfrm>
            <a:off x="611188" y="1687214"/>
            <a:ext cx="9556350" cy="722944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08000" tIns="36000" rIns="108000" bIns="36000" numCol="1" rtlCol="0" anchor="t" anchorCtr="0" compatLnSpc="1">
            <a:prstTxWarp prst="textNoShape">
              <a:avLst/>
            </a:prstTxWarp>
          </a:bodyPr>
          <a:lstStyle/>
          <a:p>
            <a:pPr marL="1252538" indent="-1252538">
              <a:tabLst>
                <a:tab pos="1252538" algn="l"/>
              </a:tabLst>
            </a:pPr>
            <a:r>
              <a:rPr lang="en-US" sz="1800" dirty="0">
                <a:latin typeface="Arial Rounded MT Bold" panose="020F0704030504030204" pitchFamily="34" charset="0"/>
              </a:rPr>
              <a:t>Strategy:	Keep pitch angle at optimum and use generator torque to obtain optimal tip speed ratio in a torque equilibrium</a:t>
            </a:r>
            <a:endParaRPr kumimoji="0" lang="da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6" name="Tekstboks 6"/>
              <p:cNvSpPr txBox="1"/>
              <p:nvPr/>
            </p:nvSpPr>
            <p:spPr>
              <a:xfrm>
                <a:off x="8465286" y="3861048"/>
                <a:ext cx="3168352" cy="2016224"/>
              </a:xfrm>
              <a:prstGeom prst="rect">
                <a:avLst/>
              </a:prstGeom>
            </p:spPr>
            <p:style>
              <a:lnRef idx="2">
                <a:schemeClr val="dk1"/>
              </a:lnRef>
              <a:fillRef idx="1">
                <a:schemeClr val="lt1"/>
              </a:fillRef>
              <a:effectRef idx="0">
                <a:schemeClr val="dk1"/>
              </a:effectRef>
              <a:fontRef idx="minor">
                <a:schemeClr val="dk1"/>
              </a:fontRef>
            </p:style>
            <p:txBody>
              <a:bodyPr wrap="none" rtlCol="0">
                <a:noAutofit/>
              </a:bodyPr>
              <a:lstStyle/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/>
                          </a:rPr>
                          <m:t>𝑰</m:t>
                        </m:r>
                      </m:e>
                      <m:sub>
                        <m:r>
                          <a:rPr lang="en-US" sz="2000" b="1" i="1" smtClean="0">
                            <a:latin typeface="Cambria Math"/>
                          </a:rPr>
                          <m:t>𝒓</m:t>
                        </m:r>
                      </m:sub>
                    </m:sSub>
                  </m:oMath>
                </a14:m>
                <a:r>
                  <a:rPr lang="en-US" b="0" dirty="0"/>
                  <a:t>	</a:t>
                </a:r>
                <a:r>
                  <a:rPr lang="en-US" b="0" dirty="0">
                    <a:latin typeface="Arial Rounded MT Bold" panose="020F0704030504030204" pitchFamily="34" charset="0"/>
                  </a:rPr>
                  <a:t>Rotor inertia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sz="2000" b="1" i="0" smtClean="0">
                        <a:latin typeface="Cambria Math"/>
                      </a:rPr>
                      <m:t>𝛀</m:t>
                    </m:r>
                  </m:oMath>
                </a14:m>
                <a:r>
                  <a:rPr lang="en-US" dirty="0"/>
                  <a:t>	</a:t>
                </a:r>
                <a:r>
                  <a:rPr lang="en-US" dirty="0">
                    <a:latin typeface="Arial Rounded MT Bold" panose="020F0704030504030204" pitchFamily="34" charset="0"/>
                  </a:rPr>
                  <a:t>Rotor speed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sz="2000" b="1" i="1" smtClean="0">
                        <a:latin typeface="Cambria Math"/>
                      </a:rPr>
                      <m:t>𝑸</m:t>
                    </m:r>
                    <m:d>
                      <m:d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sz="2000" b="1" i="1" smtClean="0">
                            <a:latin typeface="Cambria Math"/>
                          </a:rPr>
                          <m:t>𝑽</m:t>
                        </m:r>
                        <m:r>
                          <a:rPr lang="en-US" sz="2000" b="1" i="1" smtClean="0">
                            <a:latin typeface="Cambria Math"/>
                          </a:rPr>
                          <m:t>,</m:t>
                        </m:r>
                        <m:r>
                          <a:rPr lang="en-US" sz="2000" b="1" i="1" smtClean="0">
                            <a:latin typeface="Cambria Math"/>
                          </a:rPr>
                          <m:t>𝜽</m:t>
                        </m:r>
                        <m:r>
                          <a:rPr lang="da-DK" sz="2000" b="1" i="1" smtClean="0">
                            <a:latin typeface="Cambria Math"/>
                          </a:rPr>
                          <m:t>,</m:t>
                        </m:r>
                        <m:r>
                          <a:rPr lang="en-US" sz="2000" b="1" i="0" smtClean="0">
                            <a:latin typeface="Cambria Math"/>
                          </a:rPr>
                          <m:t>𝛀</m:t>
                        </m:r>
                      </m:e>
                    </m:d>
                  </m:oMath>
                </a14:m>
                <a:r>
                  <a:rPr lang="en-US" sz="2000" dirty="0"/>
                  <a:t> </a:t>
                </a:r>
                <a:r>
                  <a:rPr lang="en-US" dirty="0"/>
                  <a:t>	</a:t>
                </a:r>
                <a:r>
                  <a:rPr lang="en-US" dirty="0">
                    <a:latin typeface="Arial Rounded MT Bold" panose="020F0704030504030204" pitchFamily="34" charset="0"/>
                  </a:rPr>
                  <a:t>Rotor torque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/>
                          </a:rPr>
                          <m:t>𝒏</m:t>
                        </m:r>
                      </m:e>
                      <m:sub>
                        <m:r>
                          <a:rPr lang="en-US" sz="2000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dirty="0"/>
                  <a:t> 	</a:t>
                </a:r>
                <a:r>
                  <a:rPr lang="en-US" dirty="0">
                    <a:latin typeface="Arial Rounded MT Bold" panose="020F0704030504030204" pitchFamily="34" charset="0"/>
                  </a:rPr>
                  <a:t>Gearbox ratio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2000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2000" b="1" i="1" smtClean="0">
                            <a:latin typeface="Cambria Math"/>
                          </a:rPr>
                          <m:t>𝑸</m:t>
                        </m:r>
                      </m:e>
                      <m:sub>
                        <m:r>
                          <a:rPr lang="en-US" sz="2000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dirty="0"/>
                  <a:t> 	</a:t>
                </a:r>
                <a:r>
                  <a:rPr lang="en-US" dirty="0">
                    <a:latin typeface="Arial Rounded MT Bold" panose="020F0704030504030204" pitchFamily="34" charset="0"/>
                  </a:rPr>
                  <a:t>Generator torque</a:t>
                </a:r>
              </a:p>
              <a:p>
                <a:pPr>
                  <a:spcBef>
                    <a:spcPts val="600"/>
                  </a:spcBef>
                  <a:tabLst>
                    <a:tab pos="1076325" algn="l"/>
                  </a:tabLst>
                </a:pPr>
                <a:endParaRPr lang="en-US" dirty="0"/>
              </a:p>
            </p:txBody>
          </p:sp>
        </mc:Choice>
        <mc:Fallback xmlns="">
          <p:sp>
            <p:nvSpPr>
              <p:cNvPr id="36" name="Tekstboks 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465286" y="3861048"/>
                <a:ext cx="3168352" cy="2016224"/>
              </a:xfrm>
              <a:prstGeom prst="rect">
                <a:avLst/>
              </a:prstGeom>
              <a:blipFill>
                <a:blip r:embed="rId4"/>
                <a:stretch>
                  <a:fillRect l="-382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7" name="Rektangel 7"/>
          <p:cNvSpPr/>
          <p:nvPr/>
        </p:nvSpPr>
        <p:spPr bwMode="auto">
          <a:xfrm>
            <a:off x="6167214" y="3861048"/>
            <a:ext cx="1512168" cy="576064"/>
          </a:xfrm>
          <a:prstGeom prst="rect">
            <a:avLst/>
          </a:prstGeom>
          <a:noFill/>
          <a:ln w="38100">
            <a:solidFill>
              <a:srgbClr val="FF0000"/>
            </a:solidFill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pic>
        <p:nvPicPr>
          <p:cNvPr id="38" name="Pladsholder til indhold 6"/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800" r="6500" b="6727"/>
          <a:stretch/>
        </p:blipFill>
        <p:spPr bwMode="auto">
          <a:xfrm>
            <a:off x="6671270" y="150300"/>
            <a:ext cx="2410018" cy="15121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9" name="Tekstboks 3"/>
          <p:cNvSpPr txBox="1"/>
          <p:nvPr/>
        </p:nvSpPr>
        <p:spPr>
          <a:xfrm>
            <a:off x="7467352" y="103679"/>
            <a:ext cx="817853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000" b="1" dirty="0"/>
              <a:t>Region 1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3" name="Tekstboks 2">
                <a:extLst>
                  <a:ext uri="{FF2B5EF4-FFF2-40B4-BE49-F238E27FC236}">
                    <a16:creationId xmlns:a16="http://schemas.microsoft.com/office/drawing/2014/main" id="{089D182C-B2B1-46A0-A9A7-A98EC4B8FBCB}"/>
                  </a:ext>
                </a:extLst>
              </p:cNvPr>
              <p:cNvSpPr txBox="1"/>
              <p:nvPr/>
            </p:nvSpPr>
            <p:spPr>
              <a:xfrm>
                <a:off x="8613742" y="3007682"/>
                <a:ext cx="1120756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13" name="Tekstboks 2">
                <a:extLst>
                  <a:ext uri="{FF2B5EF4-FFF2-40B4-BE49-F238E27FC236}">
                    <a16:creationId xmlns:a16="http://schemas.microsoft.com/office/drawing/2014/main" id="{089D182C-B2B1-46A0-A9A7-A98EC4B8FBC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13742" y="3007682"/>
                <a:ext cx="1120756" cy="39421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4" name="Picture 13">
            <a:extLst>
              <a:ext uri="{FF2B5EF4-FFF2-40B4-BE49-F238E27FC236}">
                <a16:creationId xmlns:a16="http://schemas.microsoft.com/office/drawing/2014/main" id="{DAF932BE-5C68-4E07-8411-06EEB30D3D2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53119" y="108904"/>
            <a:ext cx="1890028" cy="1447888"/>
          </a:xfrm>
          <a:prstGeom prst="rect">
            <a:avLst/>
          </a:prstGeom>
        </p:spPr>
      </p:pic>
      <p:sp>
        <p:nvSpPr>
          <p:cNvPr id="15" name="Rektangel 50">
            <a:extLst>
              <a:ext uri="{FF2B5EF4-FFF2-40B4-BE49-F238E27FC236}">
                <a16:creationId xmlns:a16="http://schemas.microsoft.com/office/drawing/2014/main" id="{132C75A1-960F-4340-846E-C2CCF9F786A2}"/>
              </a:ext>
            </a:extLst>
          </p:cNvPr>
          <p:cNvSpPr/>
          <p:nvPr/>
        </p:nvSpPr>
        <p:spPr bwMode="auto">
          <a:xfrm>
            <a:off x="10253119" y="103679"/>
            <a:ext cx="666623" cy="1447888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030387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2" grpId="0" animBg="1"/>
      <p:bldP spid="36" grpId="0" animBg="1"/>
      <p:bldP spid="37" grpId="0" animBg="1"/>
      <p:bldP spid="13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6" name="Pladsholder til indhold 2"/>
          <p:cNvSpPr>
            <a:spLocks noGrp="1"/>
          </p:cNvSpPr>
          <p:nvPr>
            <p:ph idx="1"/>
          </p:nvPr>
        </p:nvSpPr>
        <p:spPr>
          <a:xfrm>
            <a:off x="622300" y="1449388"/>
            <a:ext cx="11017250" cy="4795402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Go through derivation (</a:t>
            </a:r>
            <a:r>
              <a:rPr lang="en-US" dirty="0">
                <a:hlinkClick r:id="rId2" action="ppaction://hlinkfile"/>
              </a:rPr>
              <a:t>Lecture notes</a:t>
            </a:r>
            <a:r>
              <a:rPr lang="en-US" dirty="0"/>
              <a:t>) 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7" name="Titel 1"/>
          <p:cNvSpPr>
            <a:spLocks noGrp="1"/>
          </p:cNvSpPr>
          <p:nvPr>
            <p:ph type="title"/>
          </p:nvPr>
        </p:nvSpPr>
        <p:spPr>
          <a:xfrm>
            <a:off x="766614" y="-183328"/>
            <a:ext cx="10563358" cy="1143000"/>
          </a:xfrm>
        </p:spPr>
        <p:txBody>
          <a:bodyPr/>
          <a:lstStyle/>
          <a:p>
            <a:r>
              <a:rPr lang="en-US" dirty="0"/>
              <a:t>Region 2: Derivation of generator torque constant</a:t>
            </a:r>
            <a:endParaRPr lang="da-DK" dirty="0"/>
          </a:p>
        </p:txBody>
      </p:sp>
      <p:sp>
        <p:nvSpPr>
          <p:cNvPr id="38" name="Rektangel 25"/>
          <p:cNvSpPr/>
          <p:nvPr/>
        </p:nvSpPr>
        <p:spPr bwMode="auto">
          <a:xfrm>
            <a:off x="5509516" y="3016202"/>
            <a:ext cx="1224136" cy="432048"/>
          </a:xfrm>
          <a:prstGeom prst="rect">
            <a:avLst/>
          </a:prstGeom>
          <a:noFill/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2" name="AutoShape 2" descr="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"/>
          <p:cNvSpPr>
            <a:spLocks noChangeAspect="1" noChangeArrowheads="1"/>
          </p:cNvSpPr>
          <p:nvPr/>
        </p:nvSpPr>
        <p:spPr bwMode="auto">
          <a:xfrm>
            <a:off x="155575" y="-144463"/>
            <a:ext cx="304800" cy="3048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ADD2E505-0670-4670-B3AF-9D5AB0F6615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53119" y="108904"/>
            <a:ext cx="1890028" cy="1447888"/>
          </a:xfrm>
          <a:prstGeom prst="rect">
            <a:avLst/>
          </a:prstGeom>
        </p:spPr>
      </p:pic>
      <p:sp>
        <p:nvSpPr>
          <p:cNvPr id="20" name="Rektangel 50">
            <a:extLst>
              <a:ext uri="{FF2B5EF4-FFF2-40B4-BE49-F238E27FC236}">
                <a16:creationId xmlns:a16="http://schemas.microsoft.com/office/drawing/2014/main" id="{355F3DCB-FE1A-4406-851C-5A81D3C955B7}"/>
              </a:ext>
            </a:extLst>
          </p:cNvPr>
          <p:cNvSpPr/>
          <p:nvPr/>
        </p:nvSpPr>
        <p:spPr bwMode="auto">
          <a:xfrm>
            <a:off x="10253119" y="103679"/>
            <a:ext cx="666623" cy="1447888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672543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6" grpId="0" uiExpand="1" build="p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Cp tracking – Transient behaviour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GB" dirty="0"/>
                  <a:t>What will happen to the Cp,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</m:oMath>
                </a14:m>
                <a:r>
                  <a:rPr lang="en-GB" dirty="0"/>
                  <a:t> and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𝜆</m:t>
                    </m:r>
                  </m:oMath>
                </a14:m>
                <a:r>
                  <a:rPr lang="en-GB" dirty="0"/>
                  <a:t> when the turbine see a wind gust?</a:t>
                </a:r>
              </a:p>
              <a:p>
                <a:r>
                  <a:rPr lang="en-GB" dirty="0"/>
                  <a:t>Consider the nonlinear equation of drivetrain motion:</a:t>
                </a:r>
              </a:p>
              <a:p>
                <a:pPr marL="216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e>
                      </m:d>
                      <m:acc>
                        <m:accPr>
                          <m:chr m:val="̇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</m:acc>
                      <m:r>
                        <a:rPr lang="en-US" b="0" i="0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en-US" b="0" i="0" smtClean="0">
                          <a:latin typeface="Cambria Math" panose="02040503050406030204" pitchFamily="18" charset="0"/>
                        </a:rPr>
                        <m:t>Q</m:t>
                      </m:r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V</m:t>
                          </m:r>
                          <m:r>
                            <a:rPr lang="en-US" b="0" i="0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−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𝜂</m:t>
                          </m:r>
                        </m:den>
                      </m:f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𝑄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sub>
                      </m:sSub>
                    </m:oMath>
                  </m:oMathPara>
                </a14:m>
                <a:endParaRPr lang="en-US" b="0" dirty="0"/>
              </a:p>
              <a:p>
                <a:r>
                  <a:rPr lang="en-US" b="0" dirty="0"/>
                  <a:t>From the wind power law, we know that: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𝑄</m:t>
                    </m:r>
                    <m:r>
                      <a:rPr lang="en-US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𝑃</m:t>
                        </m:r>
                      </m:num>
                      <m:den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US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f>
                          <m:f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US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US">
                                <a:latin typeface="Cambria Math" panose="02040503050406030204" pitchFamily="18" charset="0"/>
                              </a:rPr>
                              <m:t>2</m:t>
                            </m:r>
                          </m:den>
                        </m:f>
                        <m:r>
                          <a:rPr lang="en-US" i="1">
                            <a:latin typeface="Cambria Math" panose="02040503050406030204" pitchFamily="18" charset="0"/>
                          </a:rPr>
                          <m:t>𝜌</m:t>
                        </m:r>
                        <m:r>
                          <a:rPr lang="en-US" i="1">
                            <a:latin typeface="Cambria Math" panose="02040503050406030204" pitchFamily="18" charset="0"/>
                          </a:rPr>
                          <m:t>𝐴</m:t>
                        </m:r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  <m:sSup>
                          <m:s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𝑣</m:t>
                            </m:r>
                          </m:e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num>
                      <m:den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den>
                    </m:f>
                    <m:r>
                      <a:rPr lang="en-US" b="0" i="0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𝜌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𝐴</m:t>
                        </m:r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dirty="0"/>
                  <a:t>  </a:t>
                </a:r>
              </a:p>
              <a:p>
                <a:r>
                  <a:rPr lang="en-GB" dirty="0"/>
                  <a:t>Assume the generator torque on the </a:t>
                </a:r>
                <a:r>
                  <a:rPr lang="en-GB" b="1" dirty="0"/>
                  <a:t>low-speed side </a:t>
                </a:r>
                <a:r>
                  <a:rPr lang="en-GB" dirty="0"/>
                  <a:t>is set as follows:</a:t>
                </a:r>
              </a:p>
              <a:p>
                <a:pPr lvl="1"/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𝑝𝑡</m:t>
                        </m:r>
                      </m:sub>
                    </m:sSub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0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𝜂𝜌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𝐴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𝜆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</m:e>
                        </m:d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𝑡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dirty="0"/>
                  <a:t> </a:t>
                </a:r>
              </a:p>
              <a:p>
                <a:pPr lvl="1"/>
                <a:endParaRPr lang="en-GB" dirty="0"/>
              </a:p>
              <a:p>
                <a:r>
                  <a:rPr lang="en-GB" dirty="0"/>
                  <a:t>Substituting Q and </a:t>
                </a:r>
                <a:r>
                  <a:rPr lang="en-GB" dirty="0" err="1"/>
                  <a:t>Qg</a:t>
                </a:r>
                <a:r>
                  <a:rPr lang="en-GB" dirty="0"/>
                  <a:t> into the nonlinear equation :</a:t>
                </a:r>
              </a:p>
              <a:p>
                <a:pPr marL="216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̇"/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</m:acc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den>
                      </m:f>
                      <m:f>
                        <m:f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𝜌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𝐴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d>
                        <m:d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sub>
                              </m:sSub>
                              <m:d>
                                <m:d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</m:d>
                            </m:num>
                            <m:den>
                              <m:sSup>
                                <m:sSup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p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3</m:t>
                                  </m:r>
                                </m:sup>
                              </m:sSup>
                            </m:den>
                          </m:f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f>
                            <m:f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</m:num>
                            <m:den>
                              <m:sSubSup>
                                <m:sSubSup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  <m:sup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3</m:t>
                                  </m:r>
                                </m:sup>
                              </m:sSubSup>
                            </m:den>
                          </m:f>
                        </m:e>
                      </m:d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.</m:t>
                      </m:r>
                    </m:oMath>
                  </m:oMathPara>
                </a14:m>
                <a:endParaRPr lang="en-GB" dirty="0"/>
              </a:p>
              <a:p>
                <a:pPr lvl="1"/>
                <a:endParaRPr lang="en-US" b="0" dirty="0"/>
              </a:p>
              <a:p>
                <a:pPr marL="216000" lvl="1" indent="0">
                  <a:buNone/>
                </a:pPr>
                <a:endParaRPr lang="en-GB" dirty="0"/>
              </a:p>
            </p:txBody>
          </p:sp>
        </mc:Choice>
        <mc:Fallback xmlns="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4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5AA81EC-AD3A-409A-B90F-34F2BF1F4178}"/>
              </a:ext>
            </a:extLst>
          </p:cNvPr>
          <p:cNvSpPr txBox="1"/>
          <p:nvPr/>
        </p:nvSpPr>
        <p:spPr>
          <a:xfrm>
            <a:off x="4876006" y="2590800"/>
            <a:ext cx="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en-GB" dirty="0">
              <a:latin typeface="+mn-lt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kstboks 6">
                <a:extLst>
                  <a:ext uri="{FF2B5EF4-FFF2-40B4-BE49-F238E27FC236}">
                    <a16:creationId xmlns:a16="http://schemas.microsoft.com/office/drawing/2014/main" id="{E3A49D51-099D-4699-AF2A-CC7656B85B5C}"/>
                  </a:ext>
                </a:extLst>
              </p:cNvPr>
              <p:cNvSpPr txBox="1"/>
              <p:nvPr/>
            </p:nvSpPr>
            <p:spPr>
              <a:xfrm>
                <a:off x="9335566" y="1968670"/>
                <a:ext cx="2818923" cy="2016224"/>
              </a:xfrm>
              <a:prstGeom prst="rect">
                <a:avLst/>
              </a:prstGeom>
            </p:spPr>
            <p:style>
              <a:lnRef idx="2">
                <a:schemeClr val="dk1"/>
              </a:lnRef>
              <a:fillRef idx="1">
                <a:schemeClr val="lt1"/>
              </a:fillRef>
              <a:effectRef idx="0">
                <a:schemeClr val="dk1"/>
              </a:effectRef>
              <a:fontRef idx="minor">
                <a:schemeClr val="dk1"/>
              </a:fontRef>
            </p:style>
            <p:txBody>
              <a:bodyPr wrap="none" rtlCol="0">
                <a:noAutofit/>
              </a:bodyPr>
              <a:lstStyle/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/>
                          </a:rPr>
                          <m:t>𝑰</m:t>
                        </m:r>
                      </m:e>
                      <m:sub>
                        <m:r>
                          <a:rPr lang="en-US" b="1" i="1" smtClean="0">
                            <a:latin typeface="Cambria Math"/>
                          </a:rPr>
                          <m:t>𝒓</m:t>
                        </m:r>
                      </m:sub>
                    </m:sSub>
                  </m:oMath>
                </a14:m>
                <a:r>
                  <a:rPr lang="en-US" sz="1200" b="0" dirty="0"/>
                  <a:t>	</a:t>
                </a:r>
                <a:r>
                  <a:rPr lang="en-US" sz="1200" b="0" dirty="0">
                    <a:latin typeface="Arial Rounded MT Bold" panose="020F0704030504030204" pitchFamily="34" charset="0"/>
                  </a:rPr>
                  <a:t>Rotor inertia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sz="1200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200" b="1" i="1">
                            <a:latin typeface="Cambria Math"/>
                          </a:rPr>
                          <m:t>𝑰</m:t>
                        </m:r>
                      </m:e>
                      <m:sub>
                        <m:r>
                          <a:rPr lang="en-US" sz="1200" b="1" i="1" smtClean="0">
                            <a:latin typeface="Cambria Math" panose="02040503050406030204" pitchFamily="18" charset="0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sz="1200" b="0" dirty="0">
                    <a:latin typeface="Arial Rounded MT Bold" panose="020F0704030504030204" pitchFamily="34" charset="0"/>
                  </a:rPr>
                  <a:t>	Generator inertia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b="1" i="0" smtClean="0">
                        <a:latin typeface="Cambria Math"/>
                      </a:rPr>
                      <m:t>𝛀</m:t>
                    </m:r>
                  </m:oMath>
                </a14:m>
                <a:r>
                  <a:rPr lang="en-US" sz="1200" dirty="0"/>
                  <a:t>	</a:t>
                </a:r>
                <a:r>
                  <a:rPr lang="en-US" sz="1200" dirty="0">
                    <a:latin typeface="Arial Rounded MT Bold" panose="020F0704030504030204" pitchFamily="34" charset="0"/>
                  </a:rPr>
                  <a:t>Rotor speed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r>
                      <a:rPr lang="en-US" b="1" i="1" smtClean="0">
                        <a:latin typeface="Cambria Math"/>
                      </a:rPr>
                      <m:t>𝑸</m:t>
                    </m:r>
                    <m:d>
                      <m:d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US" b="1" i="1" smtClean="0">
                            <a:latin typeface="Cambria Math"/>
                          </a:rPr>
                          <m:t>𝑽</m:t>
                        </m:r>
                        <m:r>
                          <a:rPr lang="en-US" b="1" i="1" smtClean="0">
                            <a:latin typeface="Cambria Math"/>
                          </a:rPr>
                          <m:t>,</m:t>
                        </m:r>
                        <m:r>
                          <a:rPr lang="en-US" b="1" i="1" smtClean="0">
                            <a:latin typeface="Cambria Math"/>
                          </a:rPr>
                          <m:t>𝜽</m:t>
                        </m:r>
                        <m:r>
                          <a:rPr lang="da-DK" b="1" i="1" smtClean="0">
                            <a:latin typeface="Cambria Math"/>
                          </a:rPr>
                          <m:t>,</m:t>
                        </m:r>
                        <m:r>
                          <a:rPr lang="en-US" b="1" i="0" smtClean="0">
                            <a:latin typeface="Cambria Math"/>
                          </a:rPr>
                          <m:t>𝛀</m:t>
                        </m:r>
                      </m:e>
                    </m:d>
                  </m:oMath>
                </a14:m>
                <a:r>
                  <a:rPr lang="en-US" dirty="0"/>
                  <a:t> </a:t>
                </a:r>
                <a:r>
                  <a:rPr lang="en-US" sz="1200" dirty="0"/>
                  <a:t>	</a:t>
                </a:r>
                <a:r>
                  <a:rPr lang="en-US" sz="1200" dirty="0">
                    <a:latin typeface="Arial Rounded MT Bold" panose="020F0704030504030204" pitchFamily="34" charset="0"/>
                  </a:rPr>
                  <a:t>Rotor torque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/>
                          </a:rPr>
                          <m:t>𝒏</m:t>
                        </m:r>
                      </m:e>
                      <m:sub>
                        <m:r>
                          <a:rPr lang="en-US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sz="1200" dirty="0"/>
                  <a:t> 	</a:t>
                </a:r>
                <a:r>
                  <a:rPr lang="en-US" sz="1200" dirty="0">
                    <a:latin typeface="Arial Rounded MT Bold" panose="020F0704030504030204" pitchFamily="34" charset="0"/>
                  </a:rPr>
                  <a:t>Gearbox ratio</a:t>
                </a:r>
              </a:p>
              <a:p>
                <a:pPr>
                  <a:spcBef>
                    <a:spcPts val="600"/>
                  </a:spcBef>
                  <a:tabLst>
                    <a:tab pos="1257300" algn="l"/>
                  </a:tabLst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/>
                          </a:rPr>
                          <m:t>𝑸</m:t>
                        </m:r>
                      </m:e>
                      <m:sub>
                        <m:r>
                          <a:rPr lang="en-US" b="1" i="1" smtClean="0">
                            <a:latin typeface="Cambria Math"/>
                          </a:rPr>
                          <m:t>𝒈</m:t>
                        </m:r>
                      </m:sub>
                    </m:sSub>
                  </m:oMath>
                </a14:m>
                <a:r>
                  <a:rPr lang="en-US" sz="1200" dirty="0"/>
                  <a:t> 	</a:t>
                </a:r>
                <a:r>
                  <a:rPr lang="en-US" sz="1200" dirty="0">
                    <a:latin typeface="Arial Rounded MT Bold" panose="020F0704030504030204" pitchFamily="34" charset="0"/>
                  </a:rPr>
                  <a:t>Generator torque</a:t>
                </a:r>
              </a:p>
              <a:p>
                <a:pPr>
                  <a:spcBef>
                    <a:spcPts val="600"/>
                  </a:spcBef>
                  <a:tabLst>
                    <a:tab pos="1076325" algn="l"/>
                  </a:tabLst>
                </a:pPr>
                <a:endParaRPr lang="en-US" sz="1200" dirty="0"/>
              </a:p>
            </p:txBody>
          </p:sp>
        </mc:Choice>
        <mc:Fallback xmlns="">
          <p:sp>
            <p:nvSpPr>
              <p:cNvPr id="7" name="Tekstboks 6">
                <a:extLst>
                  <a:ext uri="{FF2B5EF4-FFF2-40B4-BE49-F238E27FC236}">
                    <a16:creationId xmlns:a16="http://schemas.microsoft.com/office/drawing/2014/main" id="{E3A49D51-099D-4699-AF2A-CC7656B85B5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335566" y="1968670"/>
                <a:ext cx="2818923" cy="2016224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8" name="TextBox 7">
            <a:extLst>
              <a:ext uri="{FF2B5EF4-FFF2-40B4-BE49-F238E27FC236}">
                <a16:creationId xmlns:a16="http://schemas.microsoft.com/office/drawing/2014/main" id="{4BA59FBC-A8DC-49FF-AFB1-44ED18EC8A48}"/>
              </a:ext>
            </a:extLst>
          </p:cNvPr>
          <p:cNvSpPr txBox="1"/>
          <p:nvPr/>
        </p:nvSpPr>
        <p:spPr>
          <a:xfrm>
            <a:off x="9860085" y="1414892"/>
            <a:ext cx="219008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spc="50" dirty="0">
                <a:ln w="9525" cmpd="sng">
                  <a:solidFill>
                    <a:schemeClr val="accent1"/>
                  </a:solidFill>
                  <a:prstDash val="solid"/>
                </a:ln>
                <a:solidFill>
                  <a:srgbClr val="70AD47">
                    <a:tint val="1000"/>
                  </a:srgbClr>
                </a:solidFill>
                <a:effectLst>
                  <a:glow rad="38100">
                    <a:schemeClr val="accent1">
                      <a:alpha val="40000"/>
                    </a:schemeClr>
                  </a:glow>
                </a:effectLst>
                <a:latin typeface="+mn-lt"/>
              </a:rPr>
              <a:t>Newton’s second law</a:t>
            </a:r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C2802CBD-2A62-4B54-9641-2B32183222F9}"/>
              </a:ext>
            </a:extLst>
          </p:cNvPr>
          <p:cNvCxnSpPr>
            <a:cxnSpLocks/>
          </p:cNvCxnSpPr>
          <p:nvPr/>
        </p:nvCxnSpPr>
        <p:spPr bwMode="auto">
          <a:xfrm flipH="1">
            <a:off x="7895406" y="1706400"/>
            <a:ext cx="1944216" cy="60379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30B35A5D-9165-44AC-BD60-C9E9EA7709E2}"/>
                  </a:ext>
                </a:extLst>
              </p:cNvPr>
              <p:cNvSpPr txBox="1"/>
              <p:nvPr/>
            </p:nvSpPr>
            <p:spPr>
              <a:xfrm>
                <a:off x="6311230" y="3182779"/>
                <a:ext cx="931089" cy="246221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𝜆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en-GB" b="0" i="0" smtClean="0">
                          <a:latin typeface="Cambria Math" panose="02040503050406030204" pitchFamily="18" charset="0"/>
                        </a:rPr>
                        <m:t>Ω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/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30B35A5D-9165-44AC-BD60-C9E9EA7709E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11230" y="3182779"/>
                <a:ext cx="931089" cy="246221"/>
              </a:xfrm>
              <a:prstGeom prst="rect">
                <a:avLst/>
              </a:prstGeom>
              <a:blipFill>
                <a:blip r:embed="rId6"/>
                <a:stretch>
                  <a:fillRect l="-3185" b="-2666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4C822D3-03DB-479A-9ADE-BE6D991400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Cp tracking - Analysis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26F4043-7B4B-42BF-88C8-8C1651BD81A1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839466" y="2866155"/>
                <a:ext cx="9182894" cy="3991845"/>
              </a:xfrm>
            </p:spPr>
            <p:txBody>
              <a:bodyPr/>
              <a:lstStyle/>
              <a:p>
                <a:r>
                  <a:rPr lang="en-GB" dirty="0"/>
                  <a:t>Based on the nonlinear equation,</a:t>
                </a:r>
              </a:p>
              <a:p>
                <a:pPr lvl="1"/>
                <a:r>
                  <a:rPr lang="en-GB" dirty="0"/>
                  <a:t>the rotor will accelerate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&gt;0</m:t>
                    </m:r>
                  </m:oMath>
                </a14:m>
                <a:r>
                  <a:rPr lang="en-GB" dirty="0"/>
                  <a:t> if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</m:num>
                      <m:den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&gt;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 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dirty="0"/>
                  <a:t>, or equivalentl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dirty="0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US" b="0" i="1" dirty="0" smtClean="0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r>
                      <a:rPr lang="en-US" i="1">
                        <a:latin typeface="Cambria Math" panose="02040503050406030204" pitchFamily="18" charset="0"/>
                      </a:rPr>
                      <m:t>&gt;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 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r>
                  <a:rPr lang="en-GB" dirty="0"/>
                  <a:t>;</a:t>
                </a:r>
              </a:p>
              <a:p>
                <a:pPr lvl="1"/>
                <a:r>
                  <a:rPr lang="en-GB" dirty="0"/>
                  <a:t>the rotor will decelerate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US" b="0" i="0" smtClean="0">
                        <a:latin typeface="Cambria Math" panose="02040503050406030204" pitchFamily="18" charset="0"/>
                      </a:rPr>
                      <m:t>&lt;0</m:t>
                    </m:r>
                  </m:oMath>
                </a14:m>
                <a:r>
                  <a:rPr lang="en-GB" dirty="0"/>
                  <a:t> if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</m:num>
                      <m:den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&lt;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dirty="0"/>
                  <a:t> , or equivalentl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&lt;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 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US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r>
                  <a:rPr lang="en-GB" dirty="0"/>
                  <a:t>; </a:t>
                </a:r>
              </a:p>
              <a:p>
                <a:pPr lvl="1"/>
                <a:r>
                  <a:rPr lang="en-GB" dirty="0"/>
                  <a:t>the rotor will remain constant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US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US" b="0" i="0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>
                        <a:latin typeface="Cambria Math" panose="02040503050406030204" pitchFamily="18" charset="0"/>
                      </a:rPr>
                      <m:t>0</m:t>
                    </m:r>
                  </m:oMath>
                </a14:m>
                <a:r>
                  <a:rPr lang="en-GB" dirty="0"/>
                  <a:t> if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𝜃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</m:d>
                      </m:num>
                      <m:den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p>
                      </m:den>
                    </m:f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dirty="0"/>
                  <a:t> , or equivalentl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dirty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US" i="1" dirty="0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r>
                      <a:rPr lang="en-US" b="0" i="1" dirty="0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  <m:f>
                      <m:f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 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i="1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US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r>
                  <a:rPr lang="en-GB" dirty="0"/>
                  <a:t>. </a:t>
                </a:r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26F4043-7B4B-42BF-88C8-8C1651BD81A1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839466" y="2866155"/>
                <a:ext cx="9182894" cy="3991845"/>
              </a:xfrm>
              <a:blipFill>
                <a:blip r:embed="rId2"/>
                <a:stretch>
                  <a:fillRect l="-1461" t="-1985" r="-112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5DC3A71-760F-464E-9ED3-CD3B8C4731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32D7704F-DAA0-4287-92B3-15A7282EA388}"/>
                  </a:ext>
                </a:extLst>
              </p:cNvPr>
              <p:cNvSpPr/>
              <p:nvPr/>
            </p:nvSpPr>
            <p:spPr>
              <a:xfrm>
                <a:off x="4266406" y="1752600"/>
                <a:ext cx="4351128" cy="659861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̇"/>
                          <m:ctrlPr>
                            <a:rPr lang="en-US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</m:acc>
                      <m:r>
                        <a:rPr lang="en-US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sub>
                          </m:sSub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𝑛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𝐼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</m:den>
                      </m:f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US" i="1">
                          <a:latin typeface="Cambria Math" panose="02040503050406030204" pitchFamily="18" charset="0"/>
                        </a:rPr>
                        <m:t>𝜌</m:t>
                      </m:r>
                      <m:r>
                        <a:rPr lang="en-US" i="1">
                          <a:latin typeface="Cambria Math" panose="02040503050406030204" pitchFamily="18" charset="0"/>
                        </a:rPr>
                        <m:t>𝐴</m:t>
                      </m:r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en-US"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d>
                        <m:d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</m:sub>
                              </m:sSub>
                              <m:d>
                                <m:d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</m:d>
                            </m:num>
                            <m:den>
                              <m:sSup>
                                <m:sSup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p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3</m:t>
                                  </m:r>
                                </m:sup>
                              </m:sSup>
                            </m:den>
                          </m:f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1</m:t>
                              </m:r>
                            </m:num>
                            <m:den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𝜂</m:t>
                              </m:r>
                            </m:den>
                          </m:f>
                          <m:f>
                            <m:f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𝑝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,</m:t>
                                  </m:r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𝑚𝑎𝑥</m:t>
                                  </m:r>
                                </m:sub>
                              </m:sSub>
                            </m:num>
                            <m:den>
                              <m:sSubSup>
                                <m:sSubSup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b>
                                <m:sup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3</m:t>
                                  </m:r>
                                </m:sup>
                              </m:sSubSup>
                            </m:den>
                          </m:f>
                        </m:e>
                      </m:d>
                      <m:r>
                        <a:rPr lang="en-US" i="1">
                          <a:latin typeface="Cambria Math" panose="02040503050406030204" pitchFamily="18" charset="0"/>
                        </a:rPr>
                        <m:t>.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32D7704F-DAA0-4287-92B3-15A7282EA38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266406" y="1752600"/>
                <a:ext cx="4351128" cy="659861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28846439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487B52-F289-4C5D-BBB7-9B8D57140E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Cp tracking - Transient behaviou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3B8967-C707-48EC-BE94-78A527C7EFC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Cp surfac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998F7B7-4B93-4037-9FE5-50A53C7613B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5" name="Picture 4" descr="Diagram&#10;&#10;Description automatically generated">
            <a:extLst>
              <a:ext uri="{FF2B5EF4-FFF2-40B4-BE49-F238E27FC236}">
                <a16:creationId xmlns:a16="http://schemas.microsoft.com/office/drawing/2014/main" id="{AC225D76-08DA-46AB-AB57-3FE65CC6C5A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42493" y="2292926"/>
            <a:ext cx="3937730" cy="3200618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6" name="Tekstboks 2">
                <a:extLst>
                  <a:ext uri="{FF2B5EF4-FFF2-40B4-BE49-F238E27FC236}">
                    <a16:creationId xmlns:a16="http://schemas.microsoft.com/office/drawing/2014/main" id="{5EFB0DE3-CA88-416D-BF6C-73020D2F7583}"/>
                  </a:ext>
                </a:extLst>
              </p:cNvPr>
              <p:cNvSpPr txBox="1"/>
              <p:nvPr/>
            </p:nvSpPr>
            <p:spPr>
              <a:xfrm>
                <a:off x="5310157" y="1545241"/>
                <a:ext cx="1120756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6" name="Tekstboks 2">
                <a:extLst>
                  <a:ext uri="{FF2B5EF4-FFF2-40B4-BE49-F238E27FC236}">
                    <a16:creationId xmlns:a16="http://schemas.microsoft.com/office/drawing/2014/main" id="{5EFB0DE3-CA88-416D-BF6C-73020D2F758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310157" y="1545241"/>
                <a:ext cx="1120756" cy="39421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3D8F2C1F-A83F-49EE-9DF2-D551769B72D8}"/>
                  </a:ext>
                </a:extLst>
              </p:cNvPr>
              <p:cNvSpPr txBox="1"/>
              <p:nvPr/>
            </p:nvSpPr>
            <p:spPr>
              <a:xfrm>
                <a:off x="4655046" y="5524062"/>
                <a:ext cx="4086817" cy="869341"/>
              </a:xfrm>
              <a:prstGeom prst="rect">
                <a:avLst/>
              </a:prstGeom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 lIns="0" tIns="0" rIns="0" bIns="0" rtlCol="0">
                <a:spAutoFit/>
              </a:bodyPr>
              <a:lstStyle/>
              <a:p>
                <a:r>
                  <a:rPr lang="en-GB" sz="1400" dirty="0"/>
                  <a:t> Rotor accelerates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GB" sz="140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GB" sz="1400" i="1">
                        <a:latin typeface="Cambria Math" panose="02040503050406030204" pitchFamily="18" charset="0"/>
                      </a:rPr>
                      <m:t>&gt;0</m:t>
                    </m:r>
                  </m:oMath>
                </a14:m>
                <a:r>
                  <a:rPr lang="en-GB" sz="1400" dirty="0"/>
                  <a:t> w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𝑃</m:t>
                        </m:r>
                      </m:sub>
                    </m:sSub>
                    <m:d>
                      <m:d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  <m:r>
                      <a:rPr lang="en-GB" sz="1400" i="1">
                        <a:latin typeface="Cambria Math" panose="02040503050406030204" pitchFamily="18" charset="0"/>
                      </a:rPr>
                      <m:t>&gt;</m:t>
                    </m:r>
                  </m:oMath>
                </a14:m>
                <a:r>
                  <a:rPr lang="en-US" sz="1400" dirty="0"/>
                  <a:t>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1400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sz="1400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sz="1400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</m:oMath>
                </a14:m>
                <a:r>
                  <a:rPr lang="en-GB" sz="1400" dirty="0"/>
                  <a:t>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sz="14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GB" sz="1400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sz="1400" dirty="0"/>
                  <a:t>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endParaRPr lang="en-GB" sz="1400" dirty="0"/>
              </a:p>
              <a:p>
                <a:r>
                  <a:rPr lang="en-GB" sz="1400" dirty="0"/>
                  <a:t> Rotor decelerates </a:t>
                </a:r>
                <a14:m>
                  <m:oMath xmlns:m="http://schemas.openxmlformats.org/officeDocument/2006/math">
                    <m:acc>
                      <m:accPr>
                        <m:chr m:val="̇"/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m:rPr>
                            <m:sty m:val="p"/>
                          </m:rPr>
                          <a:rPr lang="en-GB" sz="140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</m:acc>
                    <m:r>
                      <a:rPr lang="en-GB" sz="1400" i="1">
                        <a:latin typeface="Cambria Math" panose="02040503050406030204" pitchFamily="18" charset="0"/>
                      </a:rPr>
                      <m:t>&lt;0</m:t>
                    </m:r>
                  </m:oMath>
                </a14:m>
                <a:r>
                  <a:rPr lang="en-GB" sz="1400" dirty="0"/>
                  <a:t> when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𝑃</m:t>
                        </m:r>
                      </m:sub>
                    </m:sSub>
                    <m:d>
                      <m:d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  <m:r>
                      <a:rPr lang="en-GB" sz="1400" i="1">
                        <a:latin typeface="Cambria Math" panose="02040503050406030204" pitchFamily="18" charset="0"/>
                      </a:rPr>
                      <m:t>&lt;</m:t>
                    </m:r>
                  </m:oMath>
                </a14:m>
                <a:r>
                  <a:rPr lang="en-US" sz="1400" dirty="0"/>
                  <a:t>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US" sz="1400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sz="1400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US" sz="1400" i="1">
                            <a:latin typeface="Cambria Math" panose="02040503050406030204" pitchFamily="18" charset="0"/>
                          </a:rPr>
                          <m:t>𝜂</m:t>
                        </m:r>
                      </m:den>
                    </m:f>
                  </m:oMath>
                </a14:m>
                <a:r>
                  <a:rPr lang="en-GB" sz="1400" dirty="0"/>
                  <a:t> </a:t>
                </a:r>
                <a14:m>
                  <m:oMath xmlns:m="http://schemas.openxmlformats.org/officeDocument/2006/math">
                    <m:f>
                      <m:f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b>
                          <m:sSubPr>
                            <m:ctrlPr>
                              <a:rPr lang="en-GB" sz="14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𝑝</m:t>
                            </m:r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,</m:t>
                            </m:r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𝑚𝑎𝑥</m:t>
                            </m:r>
                          </m:sub>
                        </m:sSub>
                      </m:num>
                      <m:den>
                        <m:sSubSup>
                          <m:sSubSupPr>
                            <m:ctrlPr>
                              <a:rPr lang="en-GB" sz="1400" i="1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  <m:sup>
                            <m:r>
                              <a:rPr lang="en-GB" sz="1400" i="1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</m:oMath>
                </a14:m>
                <a:r>
                  <a:rPr lang="en-GB" sz="1400" dirty="0"/>
                  <a:t>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n-GB" sz="1400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p>
                        <m:r>
                          <a:rPr lang="en-GB" sz="1400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r>
                  <a:rPr lang="en-GB" sz="1400" dirty="0"/>
                  <a:t> </a:t>
                </a:r>
              </a:p>
            </p:txBody>
          </p:sp>
        </mc:Choice>
        <mc:Fallback xmlns=""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3D8F2C1F-A83F-49EE-9DF2-D551769B72D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655046" y="5524062"/>
                <a:ext cx="4086817" cy="869341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grpSp>
        <p:nvGrpSpPr>
          <p:cNvPr id="16" name="Group 15">
            <a:extLst>
              <a:ext uri="{FF2B5EF4-FFF2-40B4-BE49-F238E27FC236}">
                <a16:creationId xmlns:a16="http://schemas.microsoft.com/office/drawing/2014/main" id="{791D8618-E554-42A7-8D92-0BDD3DAD917D}"/>
              </a:ext>
            </a:extLst>
          </p:cNvPr>
          <p:cNvGrpSpPr/>
          <p:nvPr/>
        </p:nvGrpSpPr>
        <p:grpSpPr>
          <a:xfrm>
            <a:off x="18678" y="2565555"/>
            <a:ext cx="4439021" cy="3028469"/>
            <a:chOff x="1" y="1768683"/>
            <a:chExt cx="7648361" cy="4612645"/>
          </a:xfrm>
        </p:grpSpPr>
        <p:pic>
          <p:nvPicPr>
            <p:cNvPr id="8" name="Pladsholder til indhold 6">
              <a:extLst>
                <a:ext uri="{FF2B5EF4-FFF2-40B4-BE49-F238E27FC236}">
                  <a16:creationId xmlns:a16="http://schemas.microsoft.com/office/drawing/2014/main" id="{7E9DE6BB-048F-4B38-8EC0-195CFDE8884B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 bwMode="auto">
            <a:xfrm>
              <a:off x="1" y="1920496"/>
              <a:ext cx="7648361" cy="4460832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mc:AlternateContent xmlns:mc="http://schemas.openxmlformats.org/markup-compatibility/2006" xmlns:a14="http://schemas.microsoft.com/office/drawing/2010/main">
          <mc:Choice Requires="a14">
            <p:sp>
              <p:nvSpPr>
                <p:cNvPr id="9" name="Tekstboks 2">
                  <a:extLst>
                    <a:ext uri="{FF2B5EF4-FFF2-40B4-BE49-F238E27FC236}">
                      <a16:creationId xmlns:a16="http://schemas.microsoft.com/office/drawing/2014/main" id="{632E4FFE-E921-49A6-9DA2-4D1BFB26A619}"/>
                    </a:ext>
                  </a:extLst>
                </p:cNvPr>
                <p:cNvSpPr txBox="1"/>
                <p:nvPr/>
              </p:nvSpPr>
              <p:spPr>
                <a:xfrm rot="19880038">
                  <a:off x="844708" y="5237577"/>
                  <a:ext cx="695569" cy="345037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non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𝜽</m:t>
                            </m:r>
                          </m:e>
                          <m:sub>
                            <m: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8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9" name="Tekstboks 2">
                  <a:extLst>
                    <a:ext uri="{FF2B5EF4-FFF2-40B4-BE49-F238E27FC236}">
                      <a16:creationId xmlns:a16="http://schemas.microsoft.com/office/drawing/2014/main" id="{632E4FFE-E921-49A6-9DA2-4D1BFB26A619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19880038">
                  <a:off x="844708" y="5237577"/>
                  <a:ext cx="695569" cy="345037"/>
                </a:xfrm>
                <a:prstGeom prst="rect">
                  <a:avLst/>
                </a:prstGeom>
                <a:blipFill>
                  <a:blip r:embed="rId6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0" name="Tekstboks 4">
                  <a:extLst>
                    <a:ext uri="{FF2B5EF4-FFF2-40B4-BE49-F238E27FC236}">
                      <a16:creationId xmlns:a16="http://schemas.microsoft.com/office/drawing/2014/main" id="{5EF00623-ED6F-4478-AC95-821F07525E7C}"/>
                    </a:ext>
                  </a:extLst>
                </p:cNvPr>
                <p:cNvSpPr txBox="1"/>
                <p:nvPr/>
              </p:nvSpPr>
              <p:spPr>
                <a:xfrm rot="887170">
                  <a:off x="5905583" y="4994891"/>
                  <a:ext cx="684521" cy="345037"/>
                </a:xfrm>
                <a:prstGeom prst="rect">
                  <a:avLst/>
                </a:prstGeom>
                <a:ln/>
              </p:spPr>
              <p:style>
                <a:lnRef idx="2">
                  <a:schemeClr val="accent1"/>
                </a:lnRef>
                <a:fillRef idx="1">
                  <a:schemeClr val="lt1"/>
                </a:fillRef>
                <a:effectRef idx="0">
                  <a:schemeClr val="accent1"/>
                </a:effectRef>
                <a:fontRef idx="minor">
                  <a:schemeClr val="dk1"/>
                </a:fontRef>
              </p:style>
              <p:txBody>
                <a:bodyPr wrap="non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sSub>
                          <m:sSubPr>
                            <m:ctrlP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𝝀</m:t>
                            </m:r>
                          </m:e>
                          <m:sub>
                            <m:r>
                              <a:rPr lang="da-DK" sz="800" b="1" i="1" smtClean="0">
                                <a:solidFill>
                                  <a:schemeClr val="tx1"/>
                                </a:solidFill>
                                <a:latin typeface="Cambria Math"/>
                              </a:rPr>
                              <m:t>𝒐𝒑𝒕</m:t>
                            </m:r>
                          </m:sub>
                        </m:sSub>
                      </m:oMath>
                    </m:oMathPara>
                  </a14:m>
                  <a:endParaRPr lang="en-US" sz="800" b="1" dirty="0">
                    <a:solidFill>
                      <a:schemeClr val="tx1"/>
                    </a:solidFill>
                  </a:endParaRPr>
                </a:p>
              </p:txBody>
            </p:sp>
          </mc:Choice>
          <mc:Fallback xmlns="">
            <p:sp>
              <p:nvSpPr>
                <p:cNvPr id="10" name="Tekstboks 4">
                  <a:extLst>
                    <a:ext uri="{FF2B5EF4-FFF2-40B4-BE49-F238E27FC236}">
                      <a16:creationId xmlns:a16="http://schemas.microsoft.com/office/drawing/2014/main" id="{5EF00623-ED6F-4478-AC95-821F07525E7C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 rot="887170">
                  <a:off x="5905583" y="4994891"/>
                  <a:ext cx="684521" cy="345037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  <a:ln/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sp>
          <p:nvSpPr>
            <p:cNvPr id="11" name="Tekstboks 3">
              <a:extLst>
                <a:ext uri="{FF2B5EF4-FFF2-40B4-BE49-F238E27FC236}">
                  <a16:creationId xmlns:a16="http://schemas.microsoft.com/office/drawing/2014/main" id="{D26F166A-E2EB-473D-BE4C-492FC7DB1C90}"/>
                </a:ext>
              </a:extLst>
            </p:cNvPr>
            <p:cNvSpPr txBox="1"/>
            <p:nvPr/>
          </p:nvSpPr>
          <p:spPr>
            <a:xfrm>
              <a:off x="3448918" y="1768683"/>
              <a:ext cx="1519625" cy="39845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050" b="1" dirty="0"/>
                <a:t>Region 2</a:t>
              </a:r>
            </a:p>
          </p:txBody>
        </p:sp>
        <p:sp>
          <p:nvSpPr>
            <p:cNvPr id="12" name="Tekstboks 7">
              <a:extLst>
                <a:ext uri="{FF2B5EF4-FFF2-40B4-BE49-F238E27FC236}">
                  <a16:creationId xmlns:a16="http://schemas.microsoft.com/office/drawing/2014/main" id="{D58CB8A9-223B-4E9C-8394-B442AB492BF6}"/>
                </a:ext>
              </a:extLst>
            </p:cNvPr>
            <p:cNvSpPr txBox="1"/>
            <p:nvPr/>
          </p:nvSpPr>
          <p:spPr>
            <a:xfrm>
              <a:off x="1420854" y="2213635"/>
              <a:ext cx="1782008" cy="39845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050" b="1" dirty="0"/>
                <a:t>Region 2.5</a:t>
              </a:r>
            </a:p>
          </p:txBody>
        </p:sp>
        <p:sp>
          <p:nvSpPr>
            <p:cNvPr id="13" name="Tekstboks 8">
              <a:extLst>
                <a:ext uri="{FF2B5EF4-FFF2-40B4-BE49-F238E27FC236}">
                  <a16:creationId xmlns:a16="http://schemas.microsoft.com/office/drawing/2014/main" id="{B34FFD9A-DD00-423D-BC12-F3F7110D301A}"/>
                </a:ext>
              </a:extLst>
            </p:cNvPr>
            <p:cNvSpPr txBox="1"/>
            <p:nvPr/>
          </p:nvSpPr>
          <p:spPr>
            <a:xfrm>
              <a:off x="3894756" y="4017755"/>
              <a:ext cx="1519625" cy="39845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050" b="1" dirty="0"/>
                <a:t>Region 3</a:t>
              </a:r>
            </a:p>
          </p:txBody>
        </p:sp>
        <p:sp>
          <p:nvSpPr>
            <p:cNvPr id="14" name="Ellipse 5">
              <a:extLst>
                <a:ext uri="{FF2B5EF4-FFF2-40B4-BE49-F238E27FC236}">
                  <a16:creationId xmlns:a16="http://schemas.microsoft.com/office/drawing/2014/main" id="{A39EA75C-309F-4B70-AD55-B285E7B4C039}"/>
                </a:ext>
              </a:extLst>
            </p:cNvPr>
            <p:cNvSpPr/>
            <p:nvPr/>
          </p:nvSpPr>
          <p:spPr bwMode="auto">
            <a:xfrm>
              <a:off x="3112824" y="2105636"/>
              <a:ext cx="108000" cy="108000"/>
            </a:xfrm>
            <a:prstGeom prst="ellipse">
              <a:avLst/>
            </a:prstGeom>
            <a:solidFill>
              <a:srgbClr val="0000FF"/>
            </a:solidFill>
            <a:ln w="9525" cap="flat" cmpd="sng" algn="ctr">
              <a:solidFill>
                <a:srgbClr val="0000FF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FF4BA9F9-8F54-4BBD-BF42-6B9355FD6DBB}"/>
                </a:ext>
              </a:extLst>
            </p:cNvPr>
            <p:cNvSpPr txBox="1"/>
            <p:nvPr/>
          </p:nvSpPr>
          <p:spPr>
            <a:xfrm>
              <a:off x="204891" y="3790865"/>
              <a:ext cx="281718" cy="23438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GB" sz="1000" dirty="0">
                  <a:latin typeface="+mn-lt"/>
                </a:rPr>
                <a:t>Cp</a:t>
              </a: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33C1862-5A5A-4579-8631-4A854743EFC1}"/>
                  </a:ext>
                </a:extLst>
              </p:cNvPr>
              <p:cNvSpPr txBox="1"/>
              <p:nvPr/>
            </p:nvSpPr>
            <p:spPr>
              <a:xfrm>
                <a:off x="9263558" y="3926785"/>
                <a:ext cx="171137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dirty="0">
                    <a:latin typeface="+mn-lt"/>
                  </a:rPr>
                  <a:t>/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𝜂</m:t>
                    </m:r>
                  </m:oMath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B33C1862-5A5A-4579-8631-4A854743EFC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263558" y="3926785"/>
                <a:ext cx="171137" cy="246221"/>
              </a:xfrm>
              <a:prstGeom prst="rect">
                <a:avLst/>
              </a:prstGeom>
              <a:blipFill>
                <a:blip r:embed="rId8"/>
                <a:stretch>
                  <a:fillRect l="-75000" t="-24390" r="-35714" b="-4878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8DF0D66C-64E3-46C3-AF31-06957E9C15FF}"/>
              </a:ext>
            </a:extLst>
          </p:cNvPr>
          <p:cNvCxnSpPr>
            <a:cxnSpLocks/>
          </p:cNvCxnSpPr>
          <p:nvPr/>
        </p:nvCxnSpPr>
        <p:spPr bwMode="auto">
          <a:xfrm>
            <a:off x="8543478" y="2177167"/>
            <a:ext cx="0" cy="2780064"/>
          </a:xfrm>
          <a:prstGeom prst="line">
            <a:avLst/>
          </a:prstGeom>
          <a:ln w="19050">
            <a:prstDash val="lg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474489D9-0A77-4174-BF38-423763BF7FB2}"/>
                  </a:ext>
                </a:extLst>
              </p:cNvPr>
              <p:cNvSpPr/>
              <p:nvPr/>
            </p:nvSpPr>
            <p:spPr>
              <a:xfrm>
                <a:off x="7535366" y="2146649"/>
                <a:ext cx="797206" cy="34791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̇"/>
                          <m:ctrlPr>
                            <a:rPr lang="en-US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US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US" b="1" i="1" dirty="0">
                          <a:latin typeface="Cambria Math" panose="02040503050406030204" pitchFamily="18" charset="0"/>
                        </a:rPr>
                        <m:t>&gt;</m:t>
                      </m:r>
                      <m:r>
                        <a:rPr lang="en-US" b="1" i="1" dirty="0">
                          <a:latin typeface="Cambria Math" panose="02040503050406030204" pitchFamily="18" charset="0"/>
                        </a:rPr>
                        <m:t>𝟎</m:t>
                      </m:r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474489D9-0A77-4174-BF38-423763BF7FB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535366" y="2146649"/>
                <a:ext cx="797206" cy="347916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72F2FF0-3E7A-460B-BB9A-745113FF1BD8}"/>
                  </a:ext>
                </a:extLst>
              </p:cNvPr>
              <p:cNvSpPr/>
              <p:nvPr/>
            </p:nvSpPr>
            <p:spPr>
              <a:xfrm>
                <a:off x="8697015" y="2146305"/>
                <a:ext cx="797206" cy="34791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̇"/>
                          <m:ctrlPr>
                            <a:rPr lang="en-US" b="1" i="1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US" b="1" i="1">
                              <a:latin typeface="Cambria Math" panose="02040503050406030204" pitchFamily="18" charset="0"/>
                            </a:rPr>
                            <m:t>𝜴</m:t>
                          </m:r>
                        </m:e>
                      </m:acc>
                      <m:r>
                        <a:rPr lang="en-US" b="1">
                          <a:latin typeface="Cambria Math" panose="02040503050406030204" pitchFamily="18" charset="0"/>
                        </a:rPr>
                        <m:t>&lt;</m:t>
                      </m:r>
                      <m:r>
                        <a:rPr lang="en-US" b="1" i="1">
                          <a:latin typeface="Cambria Math" panose="02040503050406030204" pitchFamily="18" charset="0"/>
                        </a:rPr>
                        <m:t>𝟎</m:t>
                      </m:r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21" name="Rectangle 20">
                <a:extLst>
                  <a:ext uri="{FF2B5EF4-FFF2-40B4-BE49-F238E27FC236}">
                    <a16:creationId xmlns:a16="http://schemas.microsoft.com/office/drawing/2014/main" id="{872F2FF0-3E7A-460B-BB9A-745113FF1BD8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97015" y="2146305"/>
                <a:ext cx="797206" cy="347916"/>
              </a:xfrm>
              <a:prstGeom prst="rect">
                <a:avLst/>
              </a:prstGeom>
              <a:blipFill>
                <a:blip r:embed="rId10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16622563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092035-269C-4A01-92F1-5DA339ACA0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: Cp tracking - Analysis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3CE353D-75A1-4956-87D1-0B83D1B6010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294607" y="1706328"/>
                <a:ext cx="7315200" cy="4545578"/>
              </a:xfrm>
            </p:spPr>
            <p:txBody>
              <a:bodyPr/>
              <a:lstStyle/>
              <a:p>
                <a:endParaRPr lang="en-GB" dirty="0"/>
              </a:p>
              <a:p>
                <a:r>
                  <a:rPr lang="en-GB" dirty="0"/>
                  <a:t>Imagine the turbine operating a steady-state (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𝜆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∗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when a gust hits the turbine </a:t>
                </a:r>
                <a14:m>
                  <m:oMath xmlns:m="http://schemas.openxmlformats.org/officeDocument/2006/math">
                    <m:r>
                      <a:rPr lang="en-US" i="1">
                        <a:latin typeface="Cambria Math" panose="02040503050406030204" pitchFamily="18" charset="0"/>
                      </a:rPr>
                      <m:t>𝑣</m:t>
                    </m:r>
                    <m:r>
                      <a:rPr lang="en-US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↑</m:t>
                    </m:r>
                    <m:r>
                      <a:rPr lang="en-US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:</m:t>
                    </m:r>
                  </m:oMath>
                </a14:m>
                <a:endParaRPr lang="en-US" i="1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B3CE353D-75A1-4956-87D1-0B83D1B6010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294607" y="1706328"/>
                <a:ext cx="7315200" cy="4545578"/>
              </a:xfrm>
              <a:blipFill>
                <a:blip r:embed="rId2"/>
                <a:stretch>
                  <a:fillRect l="-1750" r="-20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4BB89E-C447-4F4E-971F-D955BE4EE6D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20" name="Callout: Line 19">
            <a:extLst>
              <a:ext uri="{FF2B5EF4-FFF2-40B4-BE49-F238E27FC236}">
                <a16:creationId xmlns:a16="http://schemas.microsoft.com/office/drawing/2014/main" id="{69EFEC86-2721-4E25-9144-59B7117BDEBE}"/>
              </a:ext>
            </a:extLst>
          </p:cNvPr>
          <p:cNvSpPr/>
          <p:nvPr/>
        </p:nvSpPr>
        <p:spPr bwMode="auto">
          <a:xfrm>
            <a:off x="441226" y="3429000"/>
            <a:ext cx="2667000" cy="697366"/>
          </a:xfrm>
          <a:prstGeom prst="borderCallout1">
            <a:avLst>
              <a:gd name="adj1" fmla="val 101308"/>
              <a:gd name="adj2" fmla="val 58777"/>
              <a:gd name="adj3" fmla="val 182288"/>
              <a:gd name="adj4" fmla="val 101259"/>
            </a:avLst>
          </a:prstGeom>
          <a:solidFill>
            <a:schemeClr val="accent1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Rotor speed does not change instantaneously due to large inertia 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21" name="Callout: Line 20">
                <a:extLst>
                  <a:ext uri="{FF2B5EF4-FFF2-40B4-BE49-F238E27FC236}">
                    <a16:creationId xmlns:a16="http://schemas.microsoft.com/office/drawing/2014/main" id="{6CDE4694-4558-432F-894C-E7F79212F7A6}"/>
                  </a:ext>
                </a:extLst>
              </p:cNvPr>
              <p:cNvSpPr/>
              <p:nvPr/>
            </p:nvSpPr>
            <p:spPr bwMode="auto">
              <a:xfrm>
                <a:off x="1294607" y="5474395"/>
                <a:ext cx="3429000" cy="563364"/>
              </a:xfrm>
              <a:prstGeom prst="borderCallout1">
                <a:avLst>
                  <a:gd name="adj1" fmla="val 2218"/>
                  <a:gd name="adj2" fmla="val 66234"/>
                  <a:gd name="adj3" fmla="val -51608"/>
                  <a:gd name="adj4" fmla="val 66641"/>
                </a:avLst>
              </a:prstGeom>
              <a:solidFill>
                <a:schemeClr val="accent1">
                  <a:lumMod val="20000"/>
                  <a:lumOff val="80000"/>
                </a:schemeClr>
              </a:solidFill>
              <a:ln w="9525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algn="ctr"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US" i="1" dirty="0">
                        <a:solidFill>
                          <a:srgbClr val="FFFFFF"/>
                        </a:solidFill>
                        <a:latin typeface="Cambria Math" panose="02040503050406030204" pitchFamily="18" charset="0"/>
                      </a:rPr>
                      <m:t>𝜆</m:t>
                    </m:r>
                    <m:r>
                      <a:rPr lang="en-US" i="1" dirty="0">
                        <a:solidFill>
                          <a:srgbClr val="FFFFFF"/>
                        </a:solidFill>
                        <a:latin typeface="Cambria Math" panose="02040503050406030204" pitchFamily="18" charset="0"/>
                      </a:rPr>
                      <m:t>&lt;</m:t>
                    </m:r>
                    <m:sSub>
                      <m:sSubPr>
                        <m:ctrlPr>
                          <a:rPr lang="en-US" i="1" dirty="0">
                            <a:solidFill>
                              <a:srgbClr val="FFFFFF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i="1" dirty="0">
                            <a:solidFill>
                              <a:srgbClr val="FFFFFF"/>
                            </a:solidFill>
                            <a:latin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i="1" dirty="0">
                            <a:solidFill>
                              <a:srgbClr val="FFFFFF"/>
                            </a:solidFill>
                            <a:latin typeface="Cambria Math" panose="02040503050406030204" pitchFamily="18" charset="0"/>
                          </a:rPr>
                          <m:t>∗</m:t>
                        </m:r>
                      </m:sub>
                    </m:sSub>
                  </m:oMath>
                </a14:m>
                <a:r>
                  <a:rPr lang="en-GB" dirty="0">
                    <a:solidFill>
                      <a:srgbClr val="FFFFFF"/>
                    </a:solidFill>
                  </a:rPr>
                  <a:t>, turbine operating at the left section of the figure</a:t>
                </a:r>
              </a:p>
            </p:txBody>
          </p:sp>
        </mc:Choice>
        <mc:Fallback xmlns="">
          <p:sp>
            <p:nvSpPr>
              <p:cNvPr id="21" name="Callout: Line 20">
                <a:extLst>
                  <a:ext uri="{FF2B5EF4-FFF2-40B4-BE49-F238E27FC236}">
                    <a16:creationId xmlns:a16="http://schemas.microsoft.com/office/drawing/2014/main" id="{6CDE4694-4558-432F-894C-E7F79212F7A6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1294607" y="5474395"/>
                <a:ext cx="3429000" cy="563364"/>
              </a:xfrm>
              <a:prstGeom prst="borderCallout1">
                <a:avLst>
                  <a:gd name="adj1" fmla="val 2218"/>
                  <a:gd name="adj2" fmla="val 66234"/>
                  <a:gd name="adj3" fmla="val -51608"/>
                  <a:gd name="adj4" fmla="val 66641"/>
                </a:avLst>
              </a:prstGeom>
              <a:blipFill>
                <a:blip r:embed="rId3"/>
                <a:stretch>
                  <a:fillRect r="-1416" b="-9859"/>
                </a:stretch>
              </a:blipFill>
              <a:ln w="9525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2" name="Callout: Line 21">
            <a:extLst>
              <a:ext uri="{FF2B5EF4-FFF2-40B4-BE49-F238E27FC236}">
                <a16:creationId xmlns:a16="http://schemas.microsoft.com/office/drawing/2014/main" id="{452E50C7-238D-483F-BAAC-5CE416ACC4E5}"/>
              </a:ext>
            </a:extLst>
          </p:cNvPr>
          <p:cNvSpPr/>
          <p:nvPr/>
        </p:nvSpPr>
        <p:spPr bwMode="auto">
          <a:xfrm>
            <a:off x="3568349" y="3481803"/>
            <a:ext cx="3429000" cy="563364"/>
          </a:xfrm>
          <a:prstGeom prst="borderCallout1">
            <a:avLst>
              <a:gd name="adj1" fmla="val 98402"/>
              <a:gd name="adj2" fmla="val 18827"/>
              <a:gd name="adj3" fmla="val 248966"/>
              <a:gd name="adj4" fmla="val 16518"/>
            </a:avLst>
          </a:prstGeom>
          <a:solidFill>
            <a:schemeClr val="accent1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From the figure, we know that the rotor will accelerate</a:t>
            </a:r>
          </a:p>
        </p:txBody>
      </p:sp>
      <p:grpSp>
        <p:nvGrpSpPr>
          <p:cNvPr id="23" name="Group 22">
            <a:extLst>
              <a:ext uri="{FF2B5EF4-FFF2-40B4-BE49-F238E27FC236}">
                <a16:creationId xmlns:a16="http://schemas.microsoft.com/office/drawing/2014/main" id="{ADFD1F55-0AAE-4A5F-98B2-097CF68FCD64}"/>
              </a:ext>
            </a:extLst>
          </p:cNvPr>
          <p:cNvGrpSpPr/>
          <p:nvPr/>
        </p:nvGrpSpPr>
        <p:grpSpPr>
          <a:xfrm>
            <a:off x="989806" y="3962124"/>
            <a:ext cx="8686800" cy="2151307"/>
            <a:chOff x="753289" y="1719623"/>
            <a:chExt cx="9145311" cy="2464153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4" name="Oval 23">
                  <a:extLst>
                    <a:ext uri="{FF2B5EF4-FFF2-40B4-BE49-F238E27FC236}">
                      <a16:creationId xmlns:a16="http://schemas.microsoft.com/office/drawing/2014/main" id="{EDDCC398-B97B-4EF5-BB3D-90B538BF8B77}"/>
                    </a:ext>
                  </a:extLst>
                </p:cNvPr>
                <p:cNvSpPr/>
                <p:nvPr/>
              </p:nvSpPr>
              <p:spPr bwMode="auto">
                <a:xfrm>
                  <a:off x="753289" y="2369773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 marL="0" marR="0" indent="0" algn="ctr" defTabSz="914400" rtl="0" eaLnBrk="1" fontAlgn="base" latinLnBrk="0" hangingPunct="1">
                    <a:lnSpc>
                      <a:spcPct val="100000"/>
                    </a:lnSpc>
                    <a:spcBef>
                      <a:spcPts val="432"/>
                    </a:spcBef>
                    <a:spcAft>
                      <a:spcPct val="0"/>
                    </a:spcAft>
                    <a:buClrTx/>
                    <a:buSzTx/>
                    <a:buFontTx/>
                    <a:buNone/>
                    <a:tabLst/>
                  </a:pPr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kumimoji="0" lang="en-US" sz="16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rgbClr val="FFFFFF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𝜆</m:t>
                        </m:r>
                        <m:r>
                          <a:rPr kumimoji="0" lang="en-US" sz="1600" b="0" i="1" u="none" strike="noStrike" cap="none" normalizeH="0" baseline="0" smtClean="0">
                            <a:ln>
                              <a:noFill/>
                            </a:ln>
                            <a:solidFill>
                              <a:srgbClr val="FFFFFF"/>
                            </a:solidFill>
                            <a:effectLst/>
                            <a:latin typeface="Cambria Math" panose="02040503050406030204" pitchFamily="18" charset="0"/>
                            <a:ea typeface="ＭＳ Ｐゴシック" pitchFamily="-80" charset="-128"/>
                          </a:rPr>
                          <m:t>=</m:t>
                        </m:r>
                        <m:sSub>
                          <m:sSubPr>
                            <m:ctrlPr>
                              <a:rPr kumimoji="0" lang="en-US" sz="16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rgbClr val="FFFFFF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</m:ctrlPr>
                          </m:sSubPr>
                          <m:e>
                            <m:r>
                              <a:rPr kumimoji="0" lang="en-US" sz="16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rgbClr val="FFFFFF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𝜆</m:t>
                            </m:r>
                          </m:e>
                          <m:sub>
                            <m:r>
                              <a:rPr kumimoji="0" lang="en-US" sz="1600" b="0" i="1" u="none" strike="noStrike" cap="none" normalizeH="0" baseline="0" smtClean="0">
                                <a:ln>
                                  <a:noFill/>
                                </a:ln>
                                <a:solidFill>
                                  <a:srgbClr val="FFFFFF"/>
                                </a:solidFill>
                                <a:effectLst/>
                                <a:latin typeface="Cambria Math" panose="02040503050406030204" pitchFamily="18" charset="0"/>
                                <a:ea typeface="ＭＳ Ｐゴシック" pitchFamily="-80" charset="-128"/>
                              </a:rPr>
                              <m:t>∗</m:t>
                            </m:r>
                          </m:sub>
                        </m:sSub>
                      </m:oMath>
                    </m:oMathPara>
                  </a14:m>
                  <a:endParaRPr kumimoji="0" lang="en-GB" sz="1600" b="0" i="0" u="none" strike="noStrike" cap="none" normalizeH="0" baseline="0" dirty="0" err="1">
                    <a:ln>
                      <a:noFill/>
                    </a:ln>
                    <a:solidFill>
                      <a:srgbClr val="FFFFFF"/>
                    </a:solidFill>
                    <a:effectLst/>
                    <a:latin typeface="+mn-lt"/>
                    <a:ea typeface="ＭＳ Ｐゴシック" pitchFamily="-80" charset="-128"/>
                  </a:endParaRPr>
                </a:p>
              </p:txBody>
            </p:sp>
          </mc:Choice>
          <mc:Fallback xmlns="">
            <p:sp>
              <p:nvSpPr>
                <p:cNvPr id="24" name="Oval 23">
                  <a:extLst>
                    <a:ext uri="{FF2B5EF4-FFF2-40B4-BE49-F238E27FC236}">
                      <a16:creationId xmlns:a16="http://schemas.microsoft.com/office/drawing/2014/main" id="{EDDCC398-B97B-4EF5-BB3D-90B538BF8B77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753289" y="2369773"/>
                  <a:ext cx="1143000" cy="838200"/>
                </a:xfrm>
                <a:prstGeom prst="ellipse">
                  <a:avLst/>
                </a:prstGeom>
                <a:blipFill>
                  <a:blip r:embed="rId6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0117F468-4E54-4193-AE6C-94F83A9B26B4}"/>
                </a:ext>
              </a:extLst>
            </p:cNvPr>
            <p:cNvCxnSpPr>
              <a:stCxn id="24" idx="6"/>
              <a:endCxn id="27" idx="2"/>
            </p:cNvCxnSpPr>
            <p:nvPr/>
          </p:nvCxnSpPr>
          <p:spPr bwMode="auto">
            <a:xfrm>
              <a:off x="1896289" y="2788873"/>
              <a:ext cx="868293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6" name="Rectangle 25">
                  <a:extLst>
                    <a:ext uri="{FF2B5EF4-FFF2-40B4-BE49-F238E27FC236}">
                      <a16:creationId xmlns:a16="http://schemas.microsoft.com/office/drawing/2014/main" id="{E98F3655-5281-458A-BBD0-48F4C9F5592D}"/>
                    </a:ext>
                  </a:extLst>
                </p:cNvPr>
                <p:cNvSpPr/>
                <p:nvPr/>
              </p:nvSpPr>
              <p:spPr>
                <a:xfrm>
                  <a:off x="2055911" y="2397807"/>
                  <a:ext cx="573106" cy="338554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i="1">
                            <a:latin typeface="Cambria Math" panose="02040503050406030204" pitchFamily="18" charset="0"/>
                          </a:rPr>
                          <m:t>𝑣</m:t>
                        </m:r>
                        <m:r>
                          <a:rPr lang="en-US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↑ </m:t>
                        </m:r>
                      </m:oMath>
                    </m:oMathPara>
                  </a14:m>
                  <a:endParaRPr lang="en-GB" dirty="0"/>
                </a:p>
              </p:txBody>
            </p:sp>
          </mc:Choice>
          <mc:Fallback xmlns="">
            <p:sp>
              <p:nvSpPr>
                <p:cNvPr id="26" name="Rectangle 25">
                  <a:extLst>
                    <a:ext uri="{FF2B5EF4-FFF2-40B4-BE49-F238E27FC236}">
                      <a16:creationId xmlns:a16="http://schemas.microsoft.com/office/drawing/2014/main" id="{E98F3655-5281-458A-BBD0-48F4C9F5592D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2055911" y="2397807"/>
                  <a:ext cx="573106" cy="338554"/>
                </a:xfrm>
                <a:prstGeom prst="rect">
                  <a:avLst/>
                </a:prstGeom>
                <a:blipFill>
                  <a:blip r:embed="rId7"/>
                  <a:stretch>
                    <a:fillRect b="-8163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27" name="Oval 26">
                  <a:extLst>
                    <a:ext uri="{FF2B5EF4-FFF2-40B4-BE49-F238E27FC236}">
                      <a16:creationId xmlns:a16="http://schemas.microsoft.com/office/drawing/2014/main" id="{01C6E592-9DC8-414D-AF4C-B5178EE662A1}"/>
                    </a:ext>
                  </a:extLst>
                </p:cNvPr>
                <p:cNvSpPr/>
                <p:nvPr/>
              </p:nvSpPr>
              <p:spPr bwMode="auto">
                <a:xfrm>
                  <a:off x="2764582" y="2369773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  <m:r>
                          <a:rPr lang="en-US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↓</m:t>
                        </m:r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</p:txBody>
            </p:sp>
          </mc:Choice>
          <mc:Fallback xmlns="">
            <p:sp>
              <p:nvSpPr>
                <p:cNvPr id="27" name="Oval 26">
                  <a:extLst>
                    <a:ext uri="{FF2B5EF4-FFF2-40B4-BE49-F238E27FC236}">
                      <a16:creationId xmlns:a16="http://schemas.microsoft.com/office/drawing/2014/main" id="{01C6E592-9DC8-414D-AF4C-B5178EE662A1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2764582" y="2369773"/>
                  <a:ext cx="1143000" cy="838200"/>
                </a:xfrm>
                <a:prstGeom prst="ellipse">
                  <a:avLst/>
                </a:prstGeom>
                <a:blipFill>
                  <a:blip r:embed="rId8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28" name="Straight Arrow Connector 27">
              <a:extLst>
                <a:ext uri="{FF2B5EF4-FFF2-40B4-BE49-F238E27FC236}">
                  <a16:creationId xmlns:a16="http://schemas.microsoft.com/office/drawing/2014/main" id="{C4AD860F-694A-42E4-B02F-CCD5BB2FE4AB}"/>
                </a:ext>
              </a:extLst>
            </p:cNvPr>
            <p:cNvCxnSpPr>
              <a:stCxn id="27" idx="6"/>
            </p:cNvCxnSpPr>
            <p:nvPr/>
          </p:nvCxnSpPr>
          <p:spPr bwMode="auto">
            <a:xfrm>
              <a:off x="3907582" y="2788873"/>
              <a:ext cx="511224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>
          <mc:Choice xmlns:a14="http://schemas.microsoft.com/office/drawing/2010/main" Requires="a14">
            <p:sp>
              <p:nvSpPr>
                <p:cNvPr id="29" name="Oval 28">
                  <a:extLst>
                    <a:ext uri="{FF2B5EF4-FFF2-40B4-BE49-F238E27FC236}">
                      <a16:creationId xmlns:a16="http://schemas.microsoft.com/office/drawing/2014/main" id="{F501F9F5-647C-416A-AC19-35D2C6395722}"/>
                    </a:ext>
                  </a:extLst>
                </p:cNvPr>
                <p:cNvSpPr/>
                <p:nvPr/>
              </p:nvSpPr>
              <p:spPr bwMode="auto">
                <a:xfrm>
                  <a:off x="4410737" y="2324100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acc>
                          <m:accPr>
                            <m:chr m:val="̇"/>
                            <m:ctrlPr>
                              <a:rPr lang="en-US" i="1" dirty="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m:rPr>
                                <m:sty m:val="p"/>
                              </m:rPr>
                              <a:rPr lang="en-US" dirty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Ω</m:t>
                            </m:r>
                          </m:e>
                        </m:acc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gt;0</m:t>
                        </m:r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</p:txBody>
            </p:sp>
          </mc:Choice>
          <mc:Fallback>
            <p:sp>
              <p:nvSpPr>
                <p:cNvPr id="29" name="Oval 28">
                  <a:extLst>
                    <a:ext uri="{FF2B5EF4-FFF2-40B4-BE49-F238E27FC236}">
                      <a16:creationId xmlns:a16="http://schemas.microsoft.com/office/drawing/2014/main" id="{F501F9F5-647C-416A-AC19-35D2C6395722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4410737" y="2324100"/>
                  <a:ext cx="1143000" cy="838200"/>
                </a:xfrm>
                <a:prstGeom prst="ellipse">
                  <a:avLst/>
                </a:prstGeom>
                <a:blipFill>
                  <a:blip r:embed="rId9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30" name="Straight Arrow Connector 29">
              <a:extLst>
                <a:ext uri="{FF2B5EF4-FFF2-40B4-BE49-F238E27FC236}">
                  <a16:creationId xmlns:a16="http://schemas.microsoft.com/office/drawing/2014/main" id="{437DE8A6-9E1A-4A9F-A6FD-40E229D862E2}"/>
                </a:ext>
              </a:extLst>
            </p:cNvPr>
            <p:cNvCxnSpPr/>
            <p:nvPr/>
          </p:nvCxnSpPr>
          <p:spPr bwMode="auto">
            <a:xfrm>
              <a:off x="5561806" y="2743200"/>
              <a:ext cx="464826" cy="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7C035787-BDE0-4D86-98FA-4362B64C97A4}"/>
                    </a:ext>
                  </a:extLst>
                </p:cNvPr>
                <p:cNvSpPr/>
                <p:nvPr/>
              </p:nvSpPr>
              <p:spPr>
                <a:xfrm>
                  <a:off x="7010607" y="2099683"/>
                  <a:ext cx="948721" cy="338554"/>
                </a:xfrm>
                <a:prstGeom prst="rect">
                  <a:avLst/>
                </a:prstGeom>
              </p:spPr>
              <p:txBody>
                <a:bodyPr wrap="none">
                  <a:spAutoFit/>
                </a:bodyPr>
                <a:lstStyle/>
                <a:p>
                  <a:r>
                    <a:rPr lang="en-US" dirty="0"/>
                    <a:t>i</a:t>
                  </a:r>
                  <a:r>
                    <a:rPr lang="en-US" b="0" dirty="0"/>
                    <a:t>f </a:t>
                  </a:r>
                  <a14:m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𝜆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𝜆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∗</m:t>
                          </m:r>
                        </m:sub>
                      </m:sSub>
                    </m:oMath>
                  </a14:m>
                  <a:endParaRPr lang="en-GB" dirty="0"/>
                </a:p>
              </p:txBody>
            </p:sp>
          </mc:Choice>
          <mc:Fallback xmlns="">
            <p:sp>
              <p:nvSpPr>
                <p:cNvPr id="31" name="Rectangle 30">
                  <a:extLst>
                    <a:ext uri="{FF2B5EF4-FFF2-40B4-BE49-F238E27FC236}">
                      <a16:creationId xmlns:a16="http://schemas.microsoft.com/office/drawing/2014/main" id="{7C035787-BDE0-4D86-98FA-4362B64C97A4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010607" y="2099683"/>
                  <a:ext cx="948721" cy="338554"/>
                </a:xfrm>
                <a:prstGeom prst="rect">
                  <a:avLst/>
                </a:prstGeom>
                <a:blipFill>
                  <a:blip r:embed="rId10"/>
                  <a:stretch>
                    <a:fillRect l="-3378" t="-6250" b="-41667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2" name="Oval 31">
                  <a:extLst>
                    <a:ext uri="{FF2B5EF4-FFF2-40B4-BE49-F238E27FC236}">
                      <a16:creationId xmlns:a16="http://schemas.microsoft.com/office/drawing/2014/main" id="{D93955A4-3B26-4AEC-9E16-CBE054C8EC50}"/>
                    </a:ext>
                  </a:extLst>
                </p:cNvPr>
                <p:cNvSpPr/>
                <p:nvPr/>
              </p:nvSpPr>
              <p:spPr bwMode="auto">
                <a:xfrm>
                  <a:off x="6010493" y="2324100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↑</m:t>
                        </m:r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</p:txBody>
            </p:sp>
          </mc:Choice>
          <mc:Fallback xmlns="">
            <p:sp>
              <p:nvSpPr>
                <p:cNvPr id="32" name="Oval 31">
                  <a:extLst>
                    <a:ext uri="{FF2B5EF4-FFF2-40B4-BE49-F238E27FC236}">
                      <a16:creationId xmlns:a16="http://schemas.microsoft.com/office/drawing/2014/main" id="{D93955A4-3B26-4AEC-9E16-CBE054C8EC50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6010493" y="2324100"/>
                  <a:ext cx="1143000" cy="838200"/>
                </a:xfrm>
                <a:prstGeom prst="ellipse">
                  <a:avLst/>
                </a:prstGeom>
                <a:blipFill>
                  <a:blip r:embed="rId11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33" name="Straight Arrow Connector 32">
              <a:extLst>
                <a:ext uri="{FF2B5EF4-FFF2-40B4-BE49-F238E27FC236}">
                  <a16:creationId xmlns:a16="http://schemas.microsoft.com/office/drawing/2014/main" id="{2D996FCA-19F3-4FDC-9EB5-E6E33CBA1201}"/>
                </a:ext>
              </a:extLst>
            </p:cNvPr>
            <p:cNvCxnSpPr/>
            <p:nvPr/>
          </p:nvCxnSpPr>
          <p:spPr bwMode="auto">
            <a:xfrm flipV="1">
              <a:off x="7153493" y="2287340"/>
              <a:ext cx="1075313" cy="43999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4" name="Oval 33">
                  <a:extLst>
                    <a:ext uri="{FF2B5EF4-FFF2-40B4-BE49-F238E27FC236}">
                      <a16:creationId xmlns:a16="http://schemas.microsoft.com/office/drawing/2014/main" id="{7D8AAAEF-2674-401A-88B7-3554127A9E75}"/>
                    </a:ext>
                  </a:extLst>
                </p:cNvPr>
                <p:cNvSpPr/>
                <p:nvPr/>
              </p:nvSpPr>
              <p:spPr bwMode="auto">
                <a:xfrm>
                  <a:off x="8201033" y="1719623"/>
                  <a:ext cx="1697567" cy="936448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=</m:t>
                        </m:r>
                        <m:sSub>
                          <m:sSubPr>
                            <m:ctrlPr>
                              <a:rPr lang="en-US" b="0" i="1" dirty="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dirty="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dirty="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∗</m:t>
                            </m:r>
                          </m:sub>
                        </m:sSub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  <a:p>
                  <a:pPr algn="ctr"/>
                  <a14:m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b="0" i="0" smtClean="0">
                          <a:solidFill>
                            <a:schemeClr val="bg1"/>
                          </a:solidFill>
                          <a:latin typeface="Cambria Math" panose="02040503050406030204" pitchFamily="18" charset="0"/>
                        </a:rPr>
                        <m:t>Ω</m:t>
                      </m:r>
                      <m:r>
                        <a:rPr lang="en-US" b="0" i="1" smtClean="0">
                          <a:solidFill>
                            <a:schemeClr val="bg1"/>
                          </a:solidFill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b="0" i="1" smtClean="0">
                              <a:solidFill>
                                <a:schemeClr val="bg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en-US" b="0" i="0" smtClean="0">
                              <a:solidFill>
                                <a:schemeClr val="bg1"/>
                              </a:solidFill>
                              <a:latin typeface="Cambria Math" panose="02040503050406030204" pitchFamily="18" charset="0"/>
                            </a:rPr>
                            <m:t>Ω</m:t>
                          </m:r>
                        </m:e>
                        <m:sub>
                          <m:r>
                            <a:rPr lang="en-US" b="0" i="1" smtClean="0">
                              <a:solidFill>
                                <a:schemeClr val="bg1"/>
                              </a:solidFill>
                              <a:latin typeface="Cambria Math" panose="02040503050406030204" pitchFamily="18" charset="0"/>
                            </a:rPr>
                            <m:t>𝑛𝑒𝑤</m:t>
                          </m:r>
                        </m:sub>
                      </m:sSub>
                    </m:oMath>
                  </a14:m>
                  <a:r>
                    <a:rPr lang="en-GB" dirty="0">
                      <a:solidFill>
                        <a:schemeClr val="bg1"/>
                      </a:solidFill>
                    </a:rPr>
                    <a:t> </a:t>
                  </a:r>
                </a:p>
              </p:txBody>
            </p:sp>
          </mc:Choice>
          <mc:Fallback xmlns="">
            <p:sp>
              <p:nvSpPr>
                <p:cNvPr id="34" name="Oval 33">
                  <a:extLst>
                    <a:ext uri="{FF2B5EF4-FFF2-40B4-BE49-F238E27FC236}">
                      <a16:creationId xmlns:a16="http://schemas.microsoft.com/office/drawing/2014/main" id="{7D8AAAEF-2674-401A-88B7-3554127A9E75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8201033" y="1719623"/>
                  <a:ext cx="1697567" cy="936448"/>
                </a:xfrm>
                <a:prstGeom prst="ellipse">
                  <a:avLst/>
                </a:prstGeom>
                <a:blipFill>
                  <a:blip r:embed="rId12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36" name="Rectangle 35">
                  <a:extLst>
                    <a:ext uri="{FF2B5EF4-FFF2-40B4-BE49-F238E27FC236}">
                      <a16:creationId xmlns:a16="http://schemas.microsoft.com/office/drawing/2014/main" id="{A0951875-313D-421E-940E-9827CBCA078E}"/>
                    </a:ext>
                  </a:extLst>
                </p:cNvPr>
                <p:cNvSpPr/>
                <p:nvPr/>
              </p:nvSpPr>
              <p:spPr>
                <a:xfrm>
                  <a:off x="7153493" y="2892603"/>
                  <a:ext cx="1559625" cy="669814"/>
                </a:xfrm>
                <a:prstGeom prst="rect">
                  <a:avLst/>
                </a:prstGeom>
              </p:spPr>
              <p:txBody>
                <a:bodyPr wrap="square">
                  <a:spAutoFit/>
                </a:bodyPr>
                <a:lstStyle/>
                <a:p>
                  <a:r>
                    <a:rPr lang="en-US" dirty="0"/>
                    <a:t>if overshoot,</a:t>
                  </a:r>
                </a:p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i="1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&gt;</m:t>
                        </m:r>
                        <m:sSub>
                          <m:sSubPr>
                            <m:ctrlPr>
                              <a:rPr lang="en-U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i="1">
                                <a:latin typeface="Cambria Math" panose="02040503050406030204" pitchFamily="18" charset="0"/>
                              </a:rPr>
                              <m:t>∗</m:t>
                            </m:r>
                          </m:sub>
                        </m:sSub>
                      </m:oMath>
                    </m:oMathPara>
                  </a14:m>
                  <a:endParaRPr lang="en-GB" dirty="0"/>
                </a:p>
              </p:txBody>
            </p:sp>
          </mc:Choice>
          <mc:Fallback xmlns="">
            <p:sp>
              <p:nvSpPr>
                <p:cNvPr id="36" name="Rectangle 35">
                  <a:extLst>
                    <a:ext uri="{FF2B5EF4-FFF2-40B4-BE49-F238E27FC236}">
                      <a16:creationId xmlns:a16="http://schemas.microsoft.com/office/drawing/2014/main" id="{A0951875-313D-421E-940E-9827CBCA078E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153493" y="2892603"/>
                  <a:ext cx="1559625" cy="669814"/>
                </a:xfrm>
                <a:prstGeom prst="rect">
                  <a:avLst/>
                </a:prstGeom>
                <a:blipFill>
                  <a:blip r:embed="rId13"/>
                  <a:stretch>
                    <a:fillRect l="-2469" t="-3125" r="-823"/>
                  </a:stretch>
                </a:blipFill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>
          <mc:Choice xmlns:a14="http://schemas.microsoft.com/office/drawing/2010/main" Requires="a14">
            <p:sp>
              <p:nvSpPr>
                <p:cNvPr id="37" name="Oval 36">
                  <a:extLst>
                    <a:ext uri="{FF2B5EF4-FFF2-40B4-BE49-F238E27FC236}">
                      <a16:creationId xmlns:a16="http://schemas.microsoft.com/office/drawing/2014/main" id="{B4B2DB05-BD36-46E0-B688-D2C4AB03E31D}"/>
                    </a:ext>
                  </a:extLst>
                </p:cNvPr>
                <p:cNvSpPr/>
                <p:nvPr/>
              </p:nvSpPr>
              <p:spPr bwMode="auto">
                <a:xfrm>
                  <a:off x="8454604" y="3345576"/>
                  <a:ext cx="1143000" cy="838200"/>
                </a:xfrm>
                <a:prstGeom prst="ellipse">
                  <a:avLst/>
                </a:prstGeom>
                <a:solidFill>
                  <a:schemeClr val="accent1"/>
                </a:solid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vert="horz" wrap="square" lIns="90000" tIns="46800" rIns="90000" bIns="46800" numCol="1" rtlCol="0" anchor="ctr" anchorCtr="0" compatLnSpc="1">
                  <a:prstTxWarp prst="textNoShape">
                    <a:avLst/>
                  </a:prstTxWarp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acc>
                          <m:accPr>
                            <m:chr m:val="̇"/>
                            <m:ctrlPr>
                              <a:rPr lang="en-US" i="1" dirty="0" smtClean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</m:ctrlPr>
                          </m:accPr>
                          <m:e>
                            <m:r>
                              <m:rPr>
                                <m:sty m:val="p"/>
                              </m:rPr>
                              <a:rPr lang="en-US" dirty="0">
                                <a:solidFill>
                                  <a:schemeClr val="bg1"/>
                                </a:solidFill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Ω</m:t>
                            </m:r>
                          </m:e>
                        </m:acc>
                        <m:r>
                          <a:rPr lang="en-US" b="0" i="1" dirty="0" smtClean="0">
                            <a:solidFill>
                              <a:schemeClr val="bg1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&lt;0</m:t>
                        </m:r>
                      </m:oMath>
                    </m:oMathPara>
                  </a14:m>
                  <a:endParaRPr lang="en-GB" dirty="0">
                    <a:solidFill>
                      <a:schemeClr val="bg1"/>
                    </a:solidFill>
                  </a:endParaRPr>
                </a:p>
              </p:txBody>
            </p:sp>
          </mc:Choice>
          <mc:Fallback>
            <p:sp>
              <p:nvSpPr>
                <p:cNvPr id="37" name="Oval 36">
                  <a:extLst>
                    <a:ext uri="{FF2B5EF4-FFF2-40B4-BE49-F238E27FC236}">
                      <a16:creationId xmlns:a16="http://schemas.microsoft.com/office/drawing/2014/main" id="{B4B2DB05-BD36-46E0-B688-D2C4AB03E31D}"/>
                    </a:ext>
                  </a:extLst>
                </p:cNvPr>
                <p:cNvSpPr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 bwMode="auto">
                <a:xfrm>
                  <a:off x="8454604" y="3345576"/>
                  <a:ext cx="1143000" cy="838200"/>
                </a:xfrm>
                <a:prstGeom prst="ellipse">
                  <a:avLst/>
                </a:prstGeom>
                <a:blipFill>
                  <a:blip r:embed="rId14"/>
                  <a:stretch>
                    <a:fillRect/>
                  </a:stretch>
                </a:blipFill>
                <a:ln w="9525" cap="flat" cmpd="sng" algn="ctr">
                  <a:solidFill>
                    <a:schemeClr val="accent1"/>
                  </a:solidFill>
                  <a:prstDash val="solid"/>
                  <a:miter lim="800000"/>
                  <a:headEnd type="none" w="med" len="med"/>
                  <a:tailEnd type="none" w="med" len="med"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/>
                <a:lstStyle/>
                <a:p>
                  <a:r>
                    <a:rPr lang="en-GB">
                      <a:noFill/>
                    </a:rPr>
                    <a:t> </a:t>
                  </a:r>
                </a:p>
              </p:txBody>
            </p:sp>
          </mc:Fallback>
        </mc:AlternateContent>
        <p:cxnSp>
          <p:nvCxnSpPr>
            <p:cNvPr id="38" name="Connector: Curved 37">
              <a:extLst>
                <a:ext uri="{FF2B5EF4-FFF2-40B4-BE49-F238E27FC236}">
                  <a16:creationId xmlns:a16="http://schemas.microsoft.com/office/drawing/2014/main" id="{DE02CE32-E405-4466-BF9B-254C3B74755C}"/>
                </a:ext>
              </a:extLst>
            </p:cNvPr>
            <p:cNvCxnSpPr>
              <a:stCxn id="37" idx="2"/>
              <a:endCxn id="27" idx="5"/>
            </p:cNvCxnSpPr>
            <p:nvPr/>
          </p:nvCxnSpPr>
          <p:spPr bwMode="auto">
            <a:xfrm rot="10800000">
              <a:off x="3740193" y="3085222"/>
              <a:ext cx="4714411" cy="679455"/>
            </a:xfrm>
            <a:prstGeom prst="curvedConnector2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39" name="Callout: Line 38">
            <a:extLst>
              <a:ext uri="{FF2B5EF4-FFF2-40B4-BE49-F238E27FC236}">
                <a16:creationId xmlns:a16="http://schemas.microsoft.com/office/drawing/2014/main" id="{697EADD6-9149-4292-A411-DAB42F6999A1}"/>
              </a:ext>
            </a:extLst>
          </p:cNvPr>
          <p:cNvSpPr/>
          <p:nvPr/>
        </p:nvSpPr>
        <p:spPr bwMode="auto">
          <a:xfrm>
            <a:off x="9833904" y="3685796"/>
            <a:ext cx="2287015" cy="1016197"/>
          </a:xfrm>
          <a:prstGeom prst="borderCallout1">
            <a:avLst>
              <a:gd name="adj1" fmla="val 100068"/>
              <a:gd name="adj2" fmla="val 687"/>
              <a:gd name="adj3" fmla="val 91497"/>
              <a:gd name="adj4" fmla="val -16801"/>
            </a:avLst>
          </a:prstGeom>
          <a:solidFill>
            <a:schemeClr val="accent1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Higher rotor speed, </a:t>
            </a:r>
          </a:p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Higher torques, </a:t>
            </a:r>
          </a:p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Higher power</a:t>
            </a:r>
          </a:p>
        </p:txBody>
      </p:sp>
      <p:sp>
        <p:nvSpPr>
          <p:cNvPr id="43" name="Callout: Line 42">
            <a:extLst>
              <a:ext uri="{FF2B5EF4-FFF2-40B4-BE49-F238E27FC236}">
                <a16:creationId xmlns:a16="http://schemas.microsoft.com/office/drawing/2014/main" id="{7C495BFD-F3FE-4FA8-9E9E-C0DD12DCD0BA}"/>
              </a:ext>
            </a:extLst>
          </p:cNvPr>
          <p:cNvSpPr/>
          <p:nvPr/>
        </p:nvSpPr>
        <p:spPr bwMode="auto">
          <a:xfrm>
            <a:off x="9555928" y="5191160"/>
            <a:ext cx="2562855" cy="731783"/>
          </a:xfrm>
          <a:prstGeom prst="borderCallout1">
            <a:avLst>
              <a:gd name="adj1" fmla="val 57508"/>
              <a:gd name="adj2" fmla="val 988"/>
              <a:gd name="adj3" fmla="val 1564"/>
              <a:gd name="adj4" fmla="val -32807"/>
            </a:avLst>
          </a:prstGeom>
          <a:solidFill>
            <a:schemeClr val="accent1">
              <a:lumMod val="20000"/>
              <a:lumOff val="8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rgbClr val="FFFFFF"/>
                </a:solidFill>
              </a:rPr>
              <a:t>From </a:t>
            </a:r>
            <a:r>
              <a:rPr lang="en-GB">
                <a:solidFill>
                  <a:srgbClr val="FFFFFF"/>
                </a:solidFill>
              </a:rPr>
              <a:t>the figure, </a:t>
            </a:r>
            <a:r>
              <a:rPr lang="en-GB" dirty="0">
                <a:solidFill>
                  <a:srgbClr val="FFFFFF"/>
                </a:solidFill>
              </a:rPr>
              <a:t>we know that the rotor will decelerate</a:t>
            </a:r>
          </a:p>
        </p:txBody>
      </p:sp>
      <p:cxnSp>
        <p:nvCxnSpPr>
          <p:cNvPr id="45" name="Connector: Curved 44">
            <a:extLst>
              <a:ext uri="{FF2B5EF4-FFF2-40B4-BE49-F238E27FC236}">
                <a16:creationId xmlns:a16="http://schemas.microsoft.com/office/drawing/2014/main" id="{5A00468A-6473-48ED-9A47-9E151B2F6630}"/>
              </a:ext>
            </a:extLst>
          </p:cNvPr>
          <p:cNvCxnSpPr>
            <a:stCxn id="32" idx="6"/>
            <a:endCxn id="37" idx="0"/>
          </p:cNvCxnSpPr>
          <p:nvPr/>
        </p:nvCxnSpPr>
        <p:spPr bwMode="auto">
          <a:xfrm>
            <a:off x="7069128" y="4855749"/>
            <a:ext cx="1778725" cy="525899"/>
          </a:xfrm>
          <a:prstGeom prst="curvedConnector2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97645008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US" dirty="0"/>
              <a:t>Region 2: Optimal Cp tracking </a:t>
            </a:r>
            <a:endParaRPr lang="da-DK" dirty="0"/>
          </a:p>
        </p:txBody>
      </p:sp>
      <p:sp>
        <p:nvSpPr>
          <p:cNvPr id="17" name="Rektangel 4"/>
          <p:cNvSpPr/>
          <p:nvPr/>
        </p:nvSpPr>
        <p:spPr bwMode="auto">
          <a:xfrm>
            <a:off x="830453" y="2850883"/>
            <a:ext cx="10656388" cy="2347342"/>
          </a:xfrm>
          <a:prstGeom prst="rect">
            <a:avLst/>
          </a:prstGeom>
          <a:solidFill>
            <a:schemeClr val="accent1"/>
          </a:solidFill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Region 2 controller</a:t>
            </a:r>
            <a:endParaRPr kumimoji="0" lang="en-GB" sz="2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kumimoji="0" lang="en-GB" sz="24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Open part_3.m, and run</a:t>
            </a:r>
            <a:r>
              <a:rPr kumimoji="0" lang="en-GB" sz="2400" b="0" i="0" u="none" strike="noStrike" cap="none" normalizeH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 InitWT</a:t>
            </a:r>
            <a:r>
              <a:rPr lang="en-GB" sz="24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_10MW to find the parameters</a:t>
            </a:r>
            <a:endParaRPr kumimoji="0" lang="en-GB" sz="2400" b="0" i="0" u="none" strike="noStrike" cap="none" normalizeH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GB" sz="2400" baseline="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alculate the value for </a:t>
            </a:r>
            <a:r>
              <a:rPr lang="en-GB" sz="2400" baseline="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Kopt</a:t>
            </a:r>
            <a:endParaRPr lang="en-GB" sz="240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971550" lvl="1" indent="-5143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an you get the steady-state Cp value?</a:t>
            </a:r>
          </a:p>
          <a:p>
            <a:pPr marL="971550" lvl="1" indent="-5143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How close can you get to the actual optimal </a:t>
            </a:r>
            <a:r>
              <a:rPr lang="en-GB" sz="2000" dirty="0" err="1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Cp,max</a:t>
            </a:r>
            <a:r>
              <a:rPr lang="en-GB" sz="20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?</a:t>
            </a:r>
            <a:endParaRPr lang="en-GB" sz="2400" baseline="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682F4B0F-FC0E-4838-AC6B-A1FF0D7434E7}"/>
                  </a:ext>
                </a:extLst>
              </p:cNvPr>
              <p:cNvSpPr txBox="1"/>
              <p:nvPr/>
            </p:nvSpPr>
            <p:spPr>
              <a:xfrm>
                <a:off x="6095206" y="1484784"/>
                <a:ext cx="2911694" cy="600870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𝜂𝜌𝜋</m:t>
                          </m:r>
                          <m:sSup>
                            <m:s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5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sub>
                          </m:sSub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</m:oMath>
                  </m:oMathPara>
                </a14:m>
                <a:endParaRPr lang="en-GB" dirty="0">
                  <a:latin typeface="+mn-lt"/>
                </a:endParaRPr>
              </a:p>
            </p:txBody>
          </p:sp>
        </mc:Choice>
        <mc:Fallback xmlns="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682F4B0F-FC0E-4838-AC6B-A1FF0D7434E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095206" y="1484784"/>
                <a:ext cx="2911694" cy="600870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7" name="Picture 6">
            <a:extLst>
              <a:ext uri="{FF2B5EF4-FFF2-40B4-BE49-F238E27FC236}">
                <a16:creationId xmlns:a16="http://schemas.microsoft.com/office/drawing/2014/main" id="{B2AF7D82-51C1-4600-90F5-EA81BF4DFEB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88052" y="588549"/>
            <a:ext cx="2067213" cy="1743318"/>
          </a:xfrm>
          <a:prstGeom prst="rect">
            <a:avLst/>
          </a:prstGeom>
        </p:spPr>
      </p:pic>
      <p:sp>
        <p:nvSpPr>
          <p:cNvPr id="8" name="Oval 7">
            <a:extLst>
              <a:ext uri="{FF2B5EF4-FFF2-40B4-BE49-F238E27FC236}">
                <a16:creationId xmlns:a16="http://schemas.microsoft.com/office/drawing/2014/main" id="{0315163F-4BD9-4D04-ADF7-CFB6561B00E5}"/>
              </a:ext>
            </a:extLst>
          </p:cNvPr>
          <p:cNvSpPr/>
          <p:nvPr/>
        </p:nvSpPr>
        <p:spPr bwMode="auto">
          <a:xfrm>
            <a:off x="9407574" y="1916832"/>
            <a:ext cx="1944216" cy="432048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FC033322-8DCD-4CBB-A25B-EC21C04BA748}"/>
              </a:ext>
            </a:extLst>
          </p:cNvPr>
          <p:cNvSpPr/>
          <p:nvPr/>
        </p:nvSpPr>
        <p:spPr bwMode="auto">
          <a:xfrm>
            <a:off x="9674830" y="1075592"/>
            <a:ext cx="1944216" cy="432048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5C71DC3E-E73D-40BB-9F56-E781FD17DEA3}"/>
              </a:ext>
            </a:extLst>
          </p:cNvPr>
          <p:cNvSpPr/>
          <p:nvPr/>
        </p:nvSpPr>
        <p:spPr bwMode="auto">
          <a:xfrm>
            <a:off x="9767614" y="745357"/>
            <a:ext cx="1944216" cy="218135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8599719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US" dirty="0"/>
              <a:t>Region 2: Optimal Cp tracking </a:t>
            </a:r>
            <a:endParaRPr lang="da-DK" dirty="0"/>
          </a:p>
        </p:txBody>
      </p:sp>
      <p:sp>
        <p:nvSpPr>
          <p:cNvPr id="8" name="Tekstboks 6"/>
          <p:cNvSpPr txBox="1"/>
          <p:nvPr/>
        </p:nvSpPr>
        <p:spPr>
          <a:xfrm>
            <a:off x="7535366" y="693049"/>
            <a:ext cx="3384376" cy="525886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US" sz="2000" dirty="0" err="1">
                <a:latin typeface="Arial Rounded MT Bold" panose="020F0704030504030204" pitchFamily="34" charset="0"/>
              </a:rPr>
              <a:t>Kopt</a:t>
            </a:r>
            <a:r>
              <a:rPr lang="en-US" sz="2000" dirty="0">
                <a:latin typeface="Arial Rounded MT Bold" panose="020F0704030504030204" pitchFamily="34" charset="0"/>
              </a:rPr>
              <a:t> = </a:t>
            </a:r>
            <a:r>
              <a:rPr lang="en-GB" sz="2000" dirty="0">
                <a:latin typeface="Arial Rounded MT Bold" panose="020F0704030504030204" pitchFamily="34" charset="0"/>
              </a:rPr>
              <a:t>9.8182e+06 </a:t>
            </a:r>
            <a:r>
              <a:rPr lang="en-US" sz="2000" dirty="0">
                <a:latin typeface="Arial Rounded MT Bold" panose="020F0704030504030204" pitchFamily="34" charset="0"/>
              </a:rPr>
              <a:t>Nm 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4D82F421-C2AE-4A16-A581-95B3F82B2CD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8542" y="1631164"/>
            <a:ext cx="9278888" cy="4338739"/>
          </a:xfrm>
          <a:prstGeom prst="rect">
            <a:avLst/>
          </a:prstGeom>
        </p:spPr>
      </p:pic>
      <p:sp>
        <p:nvSpPr>
          <p:cNvPr id="9" name="Tekstboks 6">
            <a:extLst>
              <a:ext uri="{FF2B5EF4-FFF2-40B4-BE49-F238E27FC236}">
                <a16:creationId xmlns:a16="http://schemas.microsoft.com/office/drawing/2014/main" id="{C26AD52E-AA04-413A-A0C1-247281009CEE}"/>
              </a:ext>
            </a:extLst>
          </p:cNvPr>
          <p:cNvSpPr txBox="1"/>
          <p:nvPr/>
        </p:nvSpPr>
        <p:spPr>
          <a:xfrm>
            <a:off x="7679383" y="5811346"/>
            <a:ext cx="4392488" cy="525886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US" sz="2000" dirty="0">
                <a:latin typeface="Arial Rounded MT Bold" panose="020F0704030504030204" pitchFamily="34" charset="0"/>
              </a:rPr>
              <a:t>Why Cp =/= </a:t>
            </a:r>
            <a:r>
              <a:rPr lang="en-US" sz="2000" dirty="0" err="1">
                <a:latin typeface="Arial Rounded MT Bold" panose="020F0704030504030204" pitchFamily="34" charset="0"/>
              </a:rPr>
              <a:t>Cp,max</a:t>
            </a:r>
            <a:r>
              <a:rPr lang="en-US" sz="2000" dirty="0">
                <a:latin typeface="Arial Rounded MT Bold" panose="020F0704030504030204" pitchFamily="34" charset="0"/>
              </a:rPr>
              <a:t> 0.4935? </a:t>
            </a:r>
          </a:p>
        </p:txBody>
      </p:sp>
    </p:spTree>
    <p:extLst>
      <p:ext uri="{BB962C8B-B14F-4D97-AF65-F5344CB8AC3E}">
        <p14:creationId xmlns:p14="http://schemas.microsoft.com/office/powerpoint/2010/main" val="317516225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9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672593-4AEA-4FD5-8D32-5F8A5742F9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1: Optimal Cp tracking 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C6857A42-3134-45F0-8C73-486755B78FA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GB" dirty="0"/>
                  <a:t>Because 		    and 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1" i="1">
                            <a:latin typeface="Cambria Math"/>
                          </a:rPr>
                          <m:t>𝜽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  <m:r>
                      <a:rPr lang="en-US" b="1" i="1" smtClean="0">
                        <a:latin typeface="Cambria Math" panose="02040503050406030204" pitchFamily="18" charset="0"/>
                      </a:rPr>
                      <m:t>=−</m:t>
                    </m:r>
                    <m:r>
                      <a:rPr lang="en-US" b="1" i="1" smtClean="0">
                        <a:latin typeface="Cambria Math" panose="02040503050406030204" pitchFamily="18" charset="0"/>
                      </a:rPr>
                      <m:t>𝟏</m:t>
                    </m:r>
                  </m:oMath>
                </a14:m>
                <a:r>
                  <a:rPr lang="en-GB" dirty="0"/>
                  <a:t> degree for this turbine model</a:t>
                </a:r>
              </a:p>
              <a:p>
                <a:pPr marL="216000" lvl="1" indent="0">
                  <a:buNone/>
                </a:pPr>
                <a:endParaRPr lang="en-GB" dirty="0"/>
              </a:p>
              <a:p>
                <a:pPr marL="216000" lvl="1" indent="0">
                  <a:buNone/>
                </a:pPr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C6857A42-3134-45F0-8C73-486755B78FA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63399AE-2476-4962-B66D-FBE586086F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Tekstboks 2">
                <a:extLst>
                  <a:ext uri="{FF2B5EF4-FFF2-40B4-BE49-F238E27FC236}">
                    <a16:creationId xmlns:a16="http://schemas.microsoft.com/office/drawing/2014/main" id="{9F12ECB9-FEB0-409E-A20D-24A733B32770}"/>
                  </a:ext>
                </a:extLst>
              </p:cNvPr>
              <p:cNvSpPr txBox="1"/>
              <p:nvPr/>
            </p:nvSpPr>
            <p:spPr>
              <a:xfrm>
                <a:off x="2926854" y="1706400"/>
                <a:ext cx="1611274" cy="394210"/>
              </a:xfrm>
              <a:prstGeom prst="rect">
                <a:avLst/>
              </a:prstGeom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sz="1800" b="1" i="1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  <m:r>
                            <a:rPr lang="en-US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=</m:t>
                          </m:r>
                          <m:r>
                            <a:rPr lang="en-US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𝟎</m:t>
                          </m:r>
                          <m:r>
                            <a:rPr lang="en-US" sz="18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  <m:t>≠</m:t>
                          </m:r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en-GB" sz="18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GB" sz="18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5" name="Tekstboks 2">
                <a:extLst>
                  <a:ext uri="{FF2B5EF4-FFF2-40B4-BE49-F238E27FC236}">
                    <a16:creationId xmlns:a16="http://schemas.microsoft.com/office/drawing/2014/main" id="{9F12ECB9-FEB0-409E-A20D-24A733B3277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926854" y="1706400"/>
                <a:ext cx="1611274" cy="394210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/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6" name="Rektangel 4">
            <a:extLst>
              <a:ext uri="{FF2B5EF4-FFF2-40B4-BE49-F238E27FC236}">
                <a16:creationId xmlns:a16="http://schemas.microsoft.com/office/drawing/2014/main" id="{98B372FE-01AB-40E2-A389-C2FBFA82EA2D}"/>
              </a:ext>
            </a:extLst>
          </p:cNvPr>
          <p:cNvSpPr/>
          <p:nvPr/>
        </p:nvSpPr>
        <p:spPr bwMode="auto">
          <a:xfrm>
            <a:off x="1101329" y="2636912"/>
            <a:ext cx="10656388" cy="2024176"/>
          </a:xfrm>
          <a:prstGeom prst="rect">
            <a:avLst/>
          </a:prstGeom>
          <a:solidFill>
            <a:schemeClr val="accent1"/>
          </a:solidFill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5"/>
          </a:fillRef>
          <a:effectRef idx="1">
            <a:schemeClr val="accent5"/>
          </a:effectRef>
          <a:fontRef idx="minor">
            <a:schemeClr val="lt1"/>
          </a:fontRef>
        </p:style>
        <p:txBody>
          <a:bodyPr vert="horz" wrap="square" lIns="144000" tIns="144000" rIns="144000" bIns="10800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1800"/>
              </a:spcBef>
            </a:pPr>
            <a:r>
              <a:rPr lang="en-GB" sz="28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Exercise: Region 2 controller</a:t>
            </a:r>
            <a:endParaRPr kumimoji="0" lang="en-GB" sz="2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kumimoji="0" lang="en-GB" sz="24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In InitWT_10MW,</a:t>
            </a:r>
            <a:r>
              <a:rPr kumimoji="0" lang="en-GB" sz="2400" b="0" i="0" u="none" strike="noStrike" cap="none" normalizeH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 change </a:t>
            </a:r>
            <a:r>
              <a:rPr kumimoji="0" lang="en-GB" sz="2400" b="0" i="0" u="none" strike="noStrike" cap="none" normalizeH="0" dirty="0" err="1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controller.minPitch</a:t>
            </a:r>
            <a:r>
              <a:rPr kumimoji="0" lang="en-GB" sz="2400" b="0" i="0" u="none" strike="noStrike" cap="none" normalizeH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 = -1</a:t>
            </a: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lang="en-GB" sz="2400" dirty="0">
                <a:solidFill>
                  <a:schemeClr val="bg1"/>
                </a:solidFill>
                <a:latin typeface="Arial Rounded MT Bold" panose="020F0704030504030204" pitchFamily="34" charset="0"/>
                <a:ea typeface="ＭＳ Ｐゴシック" pitchFamily="-80" charset="-128"/>
              </a:rPr>
              <a:t>In wpdata_DTU10MW.100, change it as follows.</a:t>
            </a:r>
            <a:endParaRPr kumimoji="0" lang="en-GB" sz="24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 Rounded MT Bold" panose="020F0704030504030204" pitchFamily="34" charset="0"/>
              <a:ea typeface="ＭＳ Ｐゴシック" pitchFamily="-80" charset="-128"/>
            </a:endParaRPr>
          </a:p>
          <a:p>
            <a:pPr marL="514350" indent="-514350">
              <a:spcBef>
                <a:spcPts val="600"/>
              </a:spcBef>
              <a:buFont typeface="+mj-lt"/>
              <a:buAutoNum type="arabicPeriod"/>
            </a:pPr>
            <a:r>
              <a:rPr kumimoji="0" lang="en-GB" sz="24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Arial Rounded MT Bold" panose="020F0704030504030204" pitchFamily="34" charset="0"/>
                <a:ea typeface="ＭＳ Ｐゴシック" pitchFamily="-80" charset="-128"/>
              </a:rPr>
              <a:t>Re-run part_3.m</a:t>
            </a:r>
            <a:endParaRPr lang="en-GB" sz="2400" baseline="0" dirty="0">
              <a:solidFill>
                <a:schemeClr val="bg1"/>
              </a:solidFill>
              <a:latin typeface="Arial Rounded MT Bold" panose="020F0704030504030204" pitchFamily="34" charset="0"/>
              <a:ea typeface="ＭＳ Ｐゴシック" pitchFamily="-80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A04D6FF-8801-4469-94DD-BB49E91727C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12744" y="4354354"/>
            <a:ext cx="3353268" cy="15432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50071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 animBg="1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132856"/>
            <a:ext cx="11738634" cy="2706458"/>
          </a:xfrm>
        </p:spPr>
        <p:txBody>
          <a:bodyPr/>
          <a:lstStyle/>
          <a:p>
            <a:r>
              <a:rPr lang="en-GB" b="0" dirty="0"/>
              <a:t>Controller design and tu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1228" y="332656"/>
            <a:ext cx="10840028" cy="1660654"/>
          </a:xfrm>
        </p:spPr>
        <p:txBody>
          <a:bodyPr/>
          <a:lstStyle/>
          <a:p>
            <a:r>
              <a:rPr lang="en-GB" dirty="0"/>
              <a:t>Wind Turbine Control Online Course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261228" y="4581128"/>
            <a:ext cx="6046290" cy="18158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Alan Wai Hou Lio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Researcher, DTU Wind Energy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  <a:hlinkClick r:id="rId4"/>
              </a:rPr>
              <a:t>wali@dtu.dk</a:t>
            </a: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6120306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>
            <a:extLst>
              <a:ext uri="{FF2B5EF4-FFF2-40B4-BE49-F238E27FC236}">
                <a16:creationId xmlns:a16="http://schemas.microsoft.com/office/drawing/2014/main" id="{6CD5E37C-DC5D-42DA-AB37-588E522F0A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2269" y="1432903"/>
            <a:ext cx="8244220" cy="4545578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6EF5777-4D1F-42E4-8700-46CE1A2F33A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A46244-FA1F-4B52-875E-E28B2DD2D01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5C4F39F4-7592-4932-89EA-AA2375EC82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825" y="425450"/>
            <a:ext cx="9312275" cy="973138"/>
          </a:xfrm>
        </p:spPr>
        <p:txBody>
          <a:bodyPr/>
          <a:lstStyle/>
          <a:p>
            <a:r>
              <a:rPr lang="en-US" dirty="0"/>
              <a:t>Region 2: Optimal Cp tracking </a:t>
            </a:r>
            <a:endParaRPr lang="da-DK" dirty="0"/>
          </a:p>
        </p:txBody>
      </p:sp>
      <p:sp>
        <p:nvSpPr>
          <p:cNvPr id="7" name="Tekstboks 6">
            <a:extLst>
              <a:ext uri="{FF2B5EF4-FFF2-40B4-BE49-F238E27FC236}">
                <a16:creationId xmlns:a16="http://schemas.microsoft.com/office/drawing/2014/main" id="{5D82FC58-C309-4E6B-ABD1-05E738EE37D9}"/>
              </a:ext>
            </a:extLst>
          </p:cNvPr>
          <p:cNvSpPr txBox="1"/>
          <p:nvPr/>
        </p:nvSpPr>
        <p:spPr>
          <a:xfrm>
            <a:off x="7655656" y="4149080"/>
            <a:ext cx="4392488" cy="525886"/>
          </a:xfrm>
          <a:prstGeom prst="rect">
            <a:avLst/>
          </a:prstGeom>
          <a:solidFill>
            <a:schemeClr val="accent6"/>
          </a:solidFill>
        </p:spPr>
        <p:style>
          <a:lnRef idx="3">
            <a:schemeClr val="lt1"/>
          </a:lnRef>
          <a:fillRef idx="1">
            <a:schemeClr val="accent1"/>
          </a:fillRef>
          <a:effectRef idx="1">
            <a:schemeClr val="accent1"/>
          </a:effectRef>
          <a:fontRef idx="minor">
            <a:schemeClr val="lt1"/>
          </a:fontRef>
        </p:style>
        <p:txBody>
          <a:bodyPr wrap="square" lIns="108000" tIns="108000" rIns="108000" bIns="108000" rtlCol="0">
            <a:spAutoFit/>
          </a:bodyPr>
          <a:lstStyle/>
          <a:p>
            <a:pPr algn="ctr">
              <a:spcBef>
                <a:spcPts val="600"/>
              </a:spcBef>
            </a:pPr>
            <a:r>
              <a:rPr lang="en-US" sz="2000" dirty="0">
                <a:latin typeface="Arial Rounded MT Bold" panose="020F0704030504030204" pitchFamily="34" charset="0"/>
              </a:rPr>
              <a:t>Now,  Cp = </a:t>
            </a:r>
            <a:r>
              <a:rPr lang="en-US" sz="2000" dirty="0" err="1">
                <a:latin typeface="Arial Rounded MT Bold" panose="020F0704030504030204" pitchFamily="34" charset="0"/>
              </a:rPr>
              <a:t>Cp,max</a:t>
            </a:r>
            <a:r>
              <a:rPr lang="en-US" sz="2000" dirty="0">
                <a:latin typeface="Arial Rounded MT Bold" panose="020F0704030504030204" pitchFamily="34" charset="0"/>
              </a:rPr>
              <a:t> (0.4935) </a:t>
            </a:r>
          </a:p>
        </p:txBody>
      </p:sp>
    </p:spTree>
    <p:extLst>
      <p:ext uri="{BB962C8B-B14F-4D97-AF65-F5344CB8AC3E}">
        <p14:creationId xmlns:p14="http://schemas.microsoft.com/office/powerpoint/2010/main" val="40555436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C03BE-731F-47E4-B6E0-8B3D48A518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ummar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4C7E60-DC37-4D38-9FB2-7F1126F45A5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By now, we should be able to: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Explain the reason behind the generator torque controller design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Describe the generator torque design in Region 2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Calculate the gain for the generator torque controlle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AAD2DD2-EB93-413C-AD1D-12732EA4D78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751185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b="1" dirty="0"/>
              <a:t>After this session you should be able to: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Understand how to maximise the power captured by a turbine 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Describe what types of controllers are used in Region 2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Understand the design philosophy behind a generator torque controller in Region 2</a:t>
            </a:r>
          </a:p>
          <a:p>
            <a:pPr>
              <a:lnSpc>
                <a:spcPct val="150000"/>
              </a:lnSpc>
            </a:pPr>
            <a:r>
              <a:rPr lang="en-GB" sz="2000" dirty="0"/>
              <a:t>Calculate the torque controller gain in Region 2</a:t>
            </a:r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Learning objectives</a:t>
            </a:r>
          </a:p>
        </p:txBody>
      </p:sp>
    </p:spTree>
    <p:extLst>
      <p:ext uri="{BB962C8B-B14F-4D97-AF65-F5344CB8AC3E}">
        <p14:creationId xmlns:p14="http://schemas.microsoft.com/office/powerpoint/2010/main" val="371766938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1020055" y="195181"/>
            <a:ext cx="6615305" cy="776997"/>
          </a:xfrm>
        </p:spPr>
        <p:txBody>
          <a:bodyPr/>
          <a:lstStyle/>
          <a:p>
            <a:r>
              <a:rPr lang="en-GB" dirty="0"/>
              <a:t>Let’s control a wind turbine</a:t>
            </a:r>
          </a:p>
        </p:txBody>
      </p:sp>
      <p:sp>
        <p:nvSpPr>
          <p:cNvPr id="17" name="TextBox 16"/>
          <p:cNvSpPr txBox="1"/>
          <p:nvPr/>
        </p:nvSpPr>
        <p:spPr>
          <a:xfrm>
            <a:off x="913607" y="1371600"/>
            <a:ext cx="4786954" cy="432426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dirty="0">
                <a:latin typeface="+mn-lt"/>
              </a:rPr>
              <a:t>Three actuators:</a:t>
            </a:r>
          </a:p>
          <a:p>
            <a:pPr marL="285722" indent="-285722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Blade pitch motor</a:t>
            </a:r>
            <a:endParaRPr lang="en-GB" sz="1400" b="1" dirty="0">
              <a:solidFill>
                <a:srgbClr val="1903BD"/>
              </a:solidFill>
              <a:latin typeface="+mn-lt"/>
            </a:endParaRPr>
          </a:p>
          <a:p>
            <a:pPr marL="285722" indent="-285722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Generator torque converter</a:t>
            </a:r>
            <a:endParaRPr lang="en-GB" sz="1400" b="1" dirty="0">
              <a:solidFill>
                <a:srgbClr val="1903BD"/>
              </a:solidFill>
              <a:latin typeface="+mn-lt"/>
            </a:endParaRPr>
          </a:p>
          <a:p>
            <a:pPr marL="285722" indent="-285722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Yaw motor</a:t>
            </a:r>
          </a:p>
          <a:p>
            <a:endParaRPr lang="en-GB" b="1" dirty="0">
              <a:solidFill>
                <a:srgbClr val="1903BD"/>
              </a:solidFill>
              <a:latin typeface="+mn-lt"/>
            </a:endParaRPr>
          </a:p>
          <a:p>
            <a:r>
              <a:rPr lang="en-GB" dirty="0">
                <a:latin typeface="+mn-lt"/>
              </a:rPr>
              <a:t>Sensors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Generator/Rotor speed senso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Anemometer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b="1" dirty="0">
              <a:latin typeface="+mn-lt"/>
            </a:endParaRPr>
          </a:p>
          <a:p>
            <a:r>
              <a:rPr lang="en-GB" dirty="0">
                <a:latin typeface="+mn-lt"/>
              </a:rPr>
              <a:t>More actuators and sensors available for large turbine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Actuators: Trailing-edge flap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1400" dirty="0">
                <a:latin typeface="+mn-lt"/>
              </a:rPr>
              <a:t>Sensors: LiDAR, tower and blade load sensors</a:t>
            </a:r>
          </a:p>
        </p:txBody>
      </p:sp>
      <p:pic>
        <p:nvPicPr>
          <p:cNvPr id="3" name="Picture 2" descr="Diagram&#10;&#10;Description automatically generated">
            <a:extLst>
              <a:ext uri="{FF2B5EF4-FFF2-40B4-BE49-F238E27FC236}">
                <a16:creationId xmlns:a16="http://schemas.microsoft.com/office/drawing/2014/main" id="{415E8384-82CA-44A8-967E-6FF94D9ECC5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86826" y="1229377"/>
            <a:ext cx="6303587" cy="4267200"/>
          </a:xfrm>
          <a:prstGeom prst="rect">
            <a:avLst/>
          </a:prstGeom>
        </p:spPr>
      </p:pic>
      <p:sp>
        <p:nvSpPr>
          <p:cNvPr id="33" name="TextBox 32">
            <a:extLst>
              <a:ext uri="{FF2B5EF4-FFF2-40B4-BE49-F238E27FC236}">
                <a16:creationId xmlns:a16="http://schemas.microsoft.com/office/drawing/2014/main" id="{0FF1FC96-2FB2-458C-A8E7-94D319F9A183}"/>
              </a:ext>
            </a:extLst>
          </p:cNvPr>
          <p:cNvSpPr txBox="1"/>
          <p:nvPr/>
        </p:nvSpPr>
        <p:spPr>
          <a:xfrm>
            <a:off x="9876464" y="5762711"/>
            <a:ext cx="214481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Source: Pao et al. 2009</a:t>
            </a:r>
          </a:p>
        </p:txBody>
      </p:sp>
    </p:spTree>
    <p:extLst>
      <p:ext uri="{BB962C8B-B14F-4D97-AF65-F5344CB8AC3E}">
        <p14:creationId xmlns:p14="http://schemas.microsoft.com/office/powerpoint/2010/main" val="156048119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ACE22C4-48C6-4C19-B1A2-AB21C2159B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ower in the wind 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27B983F-5DF0-438B-A40E-0D88ADA867A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GB" dirty="0"/>
                  <a:t>Power available in the wind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GB" i="1">
                        <a:latin typeface="Cambria Math" panose="02040503050406030204" pitchFamily="18" charset="0"/>
                      </a:rPr>
                      <m:t>𝑃</m:t>
                    </m:r>
                    <m:r>
                      <a:rPr lang="en-GB" i="1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</a:rPr>
                      <m:t>𝜌𝜋</m:t>
                    </m:r>
                    <m:sSup>
                      <m:sSup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𝑅</m:t>
                        </m:r>
                      </m:e>
                      <m:sup>
                        <m:r>
                          <a:rPr lang="en-GB" i="1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p>
                      <m:sSup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𝑣</m:t>
                        </m:r>
                      </m:e>
                      <m:sup>
                        <m:r>
                          <a:rPr lang="en-GB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</m:oMath>
                </a14:m>
                <a:endParaRPr lang="en-GB" dirty="0"/>
              </a:p>
              <a:p>
                <a:r>
                  <a:rPr lang="en-GB" dirty="0"/>
                  <a:t>Power captured by wind turbine</a:t>
                </a:r>
              </a:p>
              <a:p>
                <a:pPr lvl="1"/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𝑃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GB" i="1">
                            <a:latin typeface="Cambria Math" panose="02040503050406030204" pitchFamily="18" charset="0"/>
                          </a:rPr>
                          <m:t>1</m:t>
                        </m:r>
                      </m:num>
                      <m:den>
                        <m:r>
                          <a:rPr lang="en-GB" i="1">
                            <a:latin typeface="Cambria Math" panose="02040503050406030204" pitchFamily="18" charset="0"/>
                          </a:rPr>
                          <m:t>2</m:t>
                        </m:r>
                      </m:den>
                    </m:f>
                    <m:r>
                      <a:rPr lang="en-GB" i="1">
                        <a:latin typeface="Cambria Math" panose="02040503050406030204" pitchFamily="18" charset="0"/>
                      </a:rPr>
                      <m:t>𝜌𝜋</m:t>
                    </m:r>
                    <m:sSup>
                      <m:sSup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𝑅</m:t>
                        </m:r>
                      </m:e>
                      <m:sup>
                        <m:r>
                          <a:rPr lang="en-GB" i="1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sSup>
                      <m:sSup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𝑣</m:t>
                        </m:r>
                      </m:e>
                      <m:sup>
                        <m:r>
                          <a:rPr lang="en-GB" i="1">
                            <a:latin typeface="Cambria Math" panose="02040503050406030204" pitchFamily="18" charset="0"/>
                          </a:rPr>
                          <m:t>3</m:t>
                        </m:r>
                      </m:sup>
                    </m:sSup>
                    <m:sSub>
                      <m:sSubPr>
                        <m:ctrlPr>
                          <a:rPr lang="en-GB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i="1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  <m:d>
                      <m:dPr>
                        <m:ctrlPr>
                          <a:rPr lang="en-GB" i="1">
                            <a:latin typeface="Cambria Math" panose="02040503050406030204" pitchFamily="18" charset="0"/>
                          </a:rPr>
                        </m:ctrlPr>
                      </m:dPr>
                      <m:e>
                        <m:r>
                          <a:rPr lang="en-GB" i="1">
                            <a:latin typeface="Cambria Math" panose="02040503050406030204" pitchFamily="18" charset="0"/>
                          </a:rPr>
                          <m:t>𝜆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GB" i="1">
                            <a:latin typeface="Cambria Math" panose="02040503050406030204" pitchFamily="18" charset="0"/>
                          </a:rPr>
                          <m:t>𝜃</m:t>
                        </m:r>
                      </m:e>
                    </m:d>
                  </m:oMath>
                </a14:m>
                <a:endParaRPr lang="en-GB" dirty="0"/>
              </a:p>
              <a:p>
                <a:pPr lvl="1"/>
                <a:endParaRPr lang="en-GB" dirty="0"/>
              </a:p>
              <a:p>
                <a:pPr lvl="1"/>
                <a:endParaRPr lang="en-GB" dirty="0"/>
              </a:p>
              <a:p>
                <a:pPr lvl="1"/>
                <a:endParaRPr lang="en-GB" dirty="0"/>
              </a:p>
              <a:p>
                <a:pPr lvl="1"/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327B983F-5DF0-438B-A40E-0D88ADA867A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046F461-85C6-4888-8EFD-BCAF4C1DD24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8" name="Picture 7" descr="Graphical user interface, diagram&#10;&#10;Description automatically generated">
            <a:extLst>
              <a:ext uri="{FF2B5EF4-FFF2-40B4-BE49-F238E27FC236}">
                <a16:creationId xmlns:a16="http://schemas.microsoft.com/office/drawing/2014/main" id="{5C078312-0632-4AFB-8953-A8BE164077D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52406" y="1016662"/>
            <a:ext cx="5105400" cy="3807205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905101AC-2774-466C-B8EB-BAC32A10F285}"/>
                  </a:ext>
                </a:extLst>
              </p:cNvPr>
              <p:cNvSpPr txBox="1"/>
              <p:nvPr/>
            </p:nvSpPr>
            <p:spPr>
              <a:xfrm>
                <a:off x="4613216" y="2920264"/>
                <a:ext cx="1932645" cy="1474250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𝜌</m:t>
                    </m:r>
                  </m:oMath>
                </a14:m>
                <a:r>
                  <a:rPr lang="en-GB" b="0" dirty="0"/>
                  <a:t>: air density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𝑅</m:t>
                    </m:r>
                  </m:oMath>
                </a14:m>
                <a:r>
                  <a:rPr lang="en-GB" dirty="0"/>
                  <a:t>: rotor radius</a:t>
                </a:r>
              </a:p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 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𝑣</m:t>
                    </m:r>
                  </m:oMath>
                </a14:m>
                <a:r>
                  <a:rPr lang="en-GB" dirty="0"/>
                  <a:t>: wind speed</a:t>
                </a:r>
              </a:p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 </m:t>
                    </m:r>
                    <m:sSub>
                      <m:sSub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𝐶</m:t>
                        </m:r>
                      </m:e>
                      <m:sub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𝑝</m:t>
                        </m:r>
                      </m:sub>
                    </m:sSub>
                  </m:oMath>
                </a14:m>
                <a:r>
                  <a:rPr lang="en-GB" dirty="0"/>
                  <a:t>: Power coefficient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/>
                  <a:t>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𝜆</m:t>
                    </m:r>
                  </m:oMath>
                </a14:m>
                <a:r>
                  <a:rPr lang="en-GB" dirty="0"/>
                  <a:t>: tip-speed ratio</a:t>
                </a:r>
              </a:p>
            </p:txBody>
          </p:sp>
        </mc:Choice>
        <mc:Fallback xmlns="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905101AC-2774-466C-B8EB-BAC32A10F28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613216" y="2920264"/>
                <a:ext cx="1932645" cy="1474250"/>
              </a:xfrm>
              <a:prstGeom prst="rect">
                <a:avLst/>
              </a:prstGeom>
              <a:blipFill>
                <a:blip r:embed="rId4"/>
                <a:stretch>
                  <a:fillRect l="-935" t="-3252" r="-3115" b="-569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Rectangle 9">
            <a:extLst>
              <a:ext uri="{FF2B5EF4-FFF2-40B4-BE49-F238E27FC236}">
                <a16:creationId xmlns:a16="http://schemas.microsoft.com/office/drawing/2014/main" id="{E30898E7-BD5C-4590-A468-69884FA4B7DB}"/>
              </a:ext>
            </a:extLst>
          </p:cNvPr>
          <p:cNvSpPr/>
          <p:nvPr/>
        </p:nvSpPr>
        <p:spPr bwMode="auto">
          <a:xfrm>
            <a:off x="7333932" y="3886200"/>
            <a:ext cx="590074" cy="22860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2E817C1-5959-4C19-A54B-D810222D4736}"/>
              </a:ext>
            </a:extLst>
          </p:cNvPr>
          <p:cNvSpPr/>
          <p:nvPr/>
        </p:nvSpPr>
        <p:spPr bwMode="auto">
          <a:xfrm>
            <a:off x="8381206" y="3886200"/>
            <a:ext cx="685800" cy="22860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effectLst/>
              <a:latin typeface="+mn-lt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1FB6845-F440-43AD-932F-63412492D0C1}"/>
              </a:ext>
            </a:extLst>
          </p:cNvPr>
          <p:cNvSpPr/>
          <p:nvPr/>
        </p:nvSpPr>
        <p:spPr bwMode="auto">
          <a:xfrm>
            <a:off x="8838406" y="3062833"/>
            <a:ext cx="996474" cy="22860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200" b="1" i="0" u="none" strike="noStrike" cap="none" normalizeH="0" baseline="0" dirty="0">
                <a:ln>
                  <a:noFill/>
                </a:ln>
                <a:effectLst/>
                <a:latin typeface="+mn-lt"/>
              </a:rPr>
              <a:t>Region 1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0BADB513-F935-467B-BA3E-91F1039B6239}"/>
              </a:ext>
            </a:extLst>
          </p:cNvPr>
          <p:cNvSpPr txBox="1"/>
          <p:nvPr/>
        </p:nvSpPr>
        <p:spPr>
          <a:xfrm>
            <a:off x="1542003" y="4629572"/>
            <a:ext cx="5272018" cy="1569660"/>
          </a:xfrm>
          <a:prstGeom prst="rect">
            <a:avLst/>
          </a:prstGeom>
          <a:noFill/>
          <a:ln w="19050">
            <a:noFill/>
          </a:ln>
        </p:spPr>
        <p:txBody>
          <a:bodyPr wrap="square" rtlCol="0">
            <a:spAutoFit/>
          </a:bodyPr>
          <a:lstStyle/>
          <a:p>
            <a:pPr>
              <a:tabLst>
                <a:tab pos="1973263" algn="l"/>
              </a:tabLst>
            </a:pPr>
            <a:r>
              <a:rPr lang="en-GB" b="1" dirty="0"/>
              <a:t>Control Objectives</a:t>
            </a:r>
            <a:r>
              <a:rPr lang="en-GB" dirty="0"/>
              <a:t>: 	</a:t>
            </a:r>
          </a:p>
          <a:p>
            <a:pPr>
              <a:tabLst>
                <a:tab pos="1973263" algn="l"/>
              </a:tabLst>
            </a:pPr>
            <a:r>
              <a:rPr lang="en-GB" dirty="0"/>
              <a:t>(1) Optimize power production at below rated wind speeds (region 1)</a:t>
            </a:r>
          </a:p>
          <a:p>
            <a:pPr>
              <a:tabLst>
                <a:tab pos="1973263" algn="l"/>
              </a:tabLst>
            </a:pPr>
            <a:r>
              <a:rPr lang="en-GB" dirty="0"/>
              <a:t>(2) Limit power and loads at above rated wind speeds (region 3)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9762B993-C82F-41B3-B199-BB5123820467}"/>
                  </a:ext>
                </a:extLst>
              </p:cNvPr>
              <p:cNvSpPr txBox="1"/>
              <p:nvPr/>
            </p:nvSpPr>
            <p:spPr>
              <a:xfrm>
                <a:off x="1990750" y="3715586"/>
                <a:ext cx="1348126" cy="602216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r>
                      <a:rPr lang="en-GB" b="0" i="1" smtClean="0">
                        <a:latin typeface="Cambria Math" panose="02040503050406030204" pitchFamily="18" charset="0"/>
                      </a:rPr>
                      <m:t>𝜆</m:t>
                    </m:r>
                    <m:r>
                      <a:rPr lang="en-GB" b="0" i="1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GB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m:rPr>
                            <m:sty m:val="p"/>
                          </m:rPr>
                          <a:rPr lang="en-GB" b="0" i="0" smtClean="0">
                            <a:latin typeface="Cambria Math" panose="02040503050406030204" pitchFamily="18" charset="0"/>
                          </a:rPr>
                          <m:t>Ω</m:t>
                        </m:r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𝑅</m:t>
                        </m:r>
                      </m:num>
                      <m:den>
                        <m:r>
                          <a:rPr lang="en-GB" b="0" i="1" smtClean="0">
                            <a:latin typeface="Cambria Math" panose="02040503050406030204" pitchFamily="18" charset="0"/>
                          </a:rPr>
                          <m:t>𝑣</m:t>
                        </m:r>
                      </m:den>
                    </m:f>
                  </m:oMath>
                </a14:m>
                <a:br>
                  <a:rPr lang="en-US" b="0" dirty="0"/>
                </a:br>
                <a:r>
                  <a:rPr lang="en-US" b="0" dirty="0"/>
                  <a:t>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:</m:t>
                    </m:r>
                  </m:oMath>
                </a14:m>
                <a:r>
                  <a:rPr lang="en-GB" dirty="0"/>
                  <a:t> rotor speed</a:t>
                </a:r>
              </a:p>
            </p:txBody>
          </p:sp>
        </mc:Choice>
        <mc:Fallback xmlns="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9762B993-C82F-41B3-B199-BB512382046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990750" y="3715586"/>
                <a:ext cx="1348126" cy="602216"/>
              </a:xfrm>
              <a:prstGeom prst="rect">
                <a:avLst/>
              </a:prstGeom>
              <a:blipFill>
                <a:blip r:embed="rId5"/>
                <a:stretch>
                  <a:fillRect l="-444" r="-5778" b="-1764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0149806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3" name="Pladsholder til indhold 6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1920496"/>
            <a:ext cx="7648361" cy="4460832"/>
          </a:xfrm>
        </p:spPr>
      </p:pic>
      <p:sp>
        <p:nvSpPr>
          <p:cNvPr id="54" name="Titel 1"/>
          <p:cNvSpPr>
            <a:spLocks noGrp="1"/>
          </p:cNvSpPr>
          <p:nvPr>
            <p:ph type="title"/>
          </p:nvPr>
        </p:nvSpPr>
        <p:spPr>
          <a:xfrm>
            <a:off x="611188" y="148616"/>
            <a:ext cx="10563358" cy="1143000"/>
          </a:xfrm>
        </p:spPr>
        <p:txBody>
          <a:bodyPr/>
          <a:lstStyle/>
          <a:p>
            <a:r>
              <a:rPr lang="en-US" dirty="0"/>
              <a:t>Variable-speed Pitch-regulated control</a:t>
            </a:r>
            <a:endParaRPr lang="da-DK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5" name="Tekstboks 2"/>
              <p:cNvSpPr txBox="1"/>
              <p:nvPr/>
            </p:nvSpPr>
            <p:spPr>
              <a:xfrm rot="19880038">
                <a:off x="937455" y="5263292"/>
                <a:ext cx="510076" cy="293607"/>
              </a:xfrm>
              <a:prstGeom prst="rect">
                <a:avLst/>
              </a:prstGeom>
              <a:ln/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𝜽</m:t>
                          </m:r>
                        </m:e>
                        <m:sub>
                          <m: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US" sz="12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55" name="Tekstboks 2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 rot="19880038">
                <a:off x="937455" y="5263292"/>
                <a:ext cx="510076" cy="293607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  <a:ln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7" name="Tekstboks 4"/>
              <p:cNvSpPr txBox="1"/>
              <p:nvPr/>
            </p:nvSpPr>
            <p:spPr>
              <a:xfrm rot="887170">
                <a:off x="5997616" y="5020608"/>
                <a:ext cx="500458" cy="293607"/>
              </a:xfrm>
              <a:prstGeom prst="rect">
                <a:avLst/>
              </a:prstGeom>
              <a:ln/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𝝀</m:t>
                          </m:r>
                        </m:e>
                        <m:sub>
                          <m:r>
                            <a:rPr lang="da-DK" sz="1200" b="1" i="1" smtClean="0">
                              <a:solidFill>
                                <a:schemeClr val="tx1"/>
                              </a:solidFill>
                              <a:latin typeface="Cambria Math"/>
                            </a:rPr>
                            <m:t>𝒐𝒑𝒕</m:t>
                          </m:r>
                        </m:sub>
                      </m:sSub>
                    </m:oMath>
                  </m:oMathPara>
                </a14:m>
                <a:endParaRPr lang="en-US" sz="1200" b="1" dirty="0">
                  <a:solidFill>
                    <a:schemeClr val="tx1"/>
                  </a:solidFill>
                </a:endParaRPr>
              </a:p>
            </p:txBody>
          </p:sp>
        </mc:Choice>
        <mc:Fallback xmlns="">
          <p:sp>
            <p:nvSpPr>
              <p:cNvPr id="57" name="Tekstboks 4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 rot="887170">
                <a:off x="5997616" y="5020608"/>
                <a:ext cx="500458" cy="293607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  <a:ln/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8" name="Tekstboks 3"/>
          <p:cNvSpPr txBox="1"/>
          <p:nvPr/>
        </p:nvSpPr>
        <p:spPr>
          <a:xfrm>
            <a:off x="3448918" y="1768683"/>
            <a:ext cx="13260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800" b="1" dirty="0"/>
              <a:t>Region 2</a:t>
            </a:r>
          </a:p>
        </p:txBody>
      </p:sp>
      <p:sp>
        <p:nvSpPr>
          <p:cNvPr id="59" name="Tekstboks 7"/>
          <p:cNvSpPr txBox="1"/>
          <p:nvPr/>
        </p:nvSpPr>
        <p:spPr>
          <a:xfrm>
            <a:off x="1420854" y="2213636"/>
            <a:ext cx="15728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800" b="1" dirty="0"/>
              <a:t>Region 2.5</a:t>
            </a:r>
          </a:p>
        </p:txBody>
      </p:sp>
      <p:sp>
        <p:nvSpPr>
          <p:cNvPr id="60" name="Tekstboks 8"/>
          <p:cNvSpPr txBox="1"/>
          <p:nvPr/>
        </p:nvSpPr>
        <p:spPr>
          <a:xfrm>
            <a:off x="3894756" y="4017754"/>
            <a:ext cx="13260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800" b="1" dirty="0"/>
              <a:t>Region 3</a:t>
            </a:r>
          </a:p>
        </p:txBody>
      </p:sp>
      <p:sp>
        <p:nvSpPr>
          <p:cNvPr id="62" name="Ellipse 5"/>
          <p:cNvSpPr/>
          <p:nvPr/>
        </p:nvSpPr>
        <p:spPr bwMode="auto">
          <a:xfrm>
            <a:off x="3112824" y="2105636"/>
            <a:ext cx="108000" cy="108000"/>
          </a:xfrm>
          <a:prstGeom prst="ellipse">
            <a:avLst/>
          </a:prstGeom>
          <a:solidFill>
            <a:srgbClr val="0000FF"/>
          </a:solidFill>
          <a:ln w="9525" cap="flat" cmpd="sng" algn="ctr">
            <a:solidFill>
              <a:srgbClr val="0000FF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F6F48400-9D0E-4472-8831-2BFFD0C131D0}"/>
              </a:ext>
            </a:extLst>
          </p:cNvPr>
          <p:cNvGrpSpPr/>
          <p:nvPr/>
        </p:nvGrpSpPr>
        <p:grpSpPr>
          <a:xfrm>
            <a:off x="6743278" y="1291616"/>
            <a:ext cx="5867988" cy="3989152"/>
            <a:chOff x="6114409" y="863473"/>
            <a:chExt cx="6496857" cy="4417295"/>
          </a:xfrm>
        </p:grpSpPr>
        <p:pic>
          <p:nvPicPr>
            <p:cNvPr id="13" name="Picture 2">
              <a:extLst>
                <a:ext uri="{FF2B5EF4-FFF2-40B4-BE49-F238E27FC236}">
                  <a16:creationId xmlns:a16="http://schemas.microsoft.com/office/drawing/2014/main" id="{182ADE30-BA3F-4000-89E5-DB01F854C4C7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5" cstate="print"/>
            <a:srcRect/>
            <a:stretch>
              <a:fillRect/>
            </a:stretch>
          </p:blipFill>
          <p:spPr bwMode="auto">
            <a:xfrm>
              <a:off x="6114409" y="863473"/>
              <a:ext cx="6496857" cy="4417295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54D8DA8B-6C92-4D07-866A-AF44FC32F12B}"/>
                </a:ext>
              </a:extLst>
            </p:cNvPr>
            <p:cNvSpPr/>
            <p:nvPr/>
          </p:nvSpPr>
          <p:spPr bwMode="auto">
            <a:xfrm>
              <a:off x="8663466" y="1371134"/>
              <a:ext cx="548380" cy="3403210"/>
            </a:xfrm>
            <a:prstGeom prst="rect">
              <a:avLst/>
            </a:prstGeom>
            <a:solidFill>
              <a:schemeClr val="bg1">
                <a:lumMod val="65000"/>
                <a:alpha val="14902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vert270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             Region 2.5</a:t>
              </a:r>
              <a:endParaRPr lang="en-GB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4FC3A75F-63D2-432D-A4AE-6708823D3E3C}"/>
                </a:ext>
              </a:extLst>
            </p:cNvPr>
            <p:cNvSpPr/>
            <p:nvPr/>
          </p:nvSpPr>
          <p:spPr bwMode="auto">
            <a:xfrm>
              <a:off x="6952760" y="2047029"/>
              <a:ext cx="1717848" cy="2732987"/>
            </a:xfrm>
            <a:prstGeom prst="rect">
              <a:avLst/>
            </a:prstGeom>
            <a:solidFill>
              <a:srgbClr val="0070C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2</a:t>
              </a:r>
              <a:endParaRPr lang="en-GB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C16D884C-5E2B-47E6-81A0-A7EAE5124483}"/>
                </a:ext>
              </a:extLst>
            </p:cNvPr>
            <p:cNvSpPr/>
            <p:nvPr/>
          </p:nvSpPr>
          <p:spPr bwMode="auto">
            <a:xfrm>
              <a:off x="9210352" y="1384963"/>
              <a:ext cx="2765174" cy="3392650"/>
            </a:xfrm>
            <a:prstGeom prst="rect">
              <a:avLst/>
            </a:prstGeom>
            <a:solidFill>
              <a:srgbClr val="00B050">
                <a:alpha val="14902"/>
              </a:srgb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defTabSz="914309"/>
              <a:r>
                <a:rPr lang="en-GB" sz="1800" dirty="0"/>
                <a:t> Region 3</a:t>
              </a:r>
              <a:endParaRPr lang="en-GB" dirty="0"/>
            </a:p>
          </p:txBody>
        </p:sp>
      </p:grpSp>
      <p:sp>
        <p:nvSpPr>
          <p:cNvPr id="5" name="TextBox 4">
            <a:extLst>
              <a:ext uri="{FF2B5EF4-FFF2-40B4-BE49-F238E27FC236}">
                <a16:creationId xmlns:a16="http://schemas.microsoft.com/office/drawing/2014/main" id="{DE592019-E679-4BD4-B27D-CD1CD563DEC1}"/>
              </a:ext>
            </a:extLst>
          </p:cNvPr>
          <p:cNvSpPr txBox="1"/>
          <p:nvPr/>
        </p:nvSpPr>
        <p:spPr>
          <a:xfrm>
            <a:off x="204892" y="3790865"/>
            <a:ext cx="26129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p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30D851C0-A213-4319-922C-BC7588D0440D}"/>
                  </a:ext>
                </a:extLst>
              </p:cNvPr>
              <p:cNvSpPr/>
              <p:nvPr/>
            </p:nvSpPr>
            <p:spPr>
              <a:xfrm>
                <a:off x="7757347" y="5198356"/>
                <a:ext cx="2189574" cy="55335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i="1">
                          <a:latin typeface="Cambria Math" panose="02040503050406030204" pitchFamily="18" charset="0"/>
                        </a:rPr>
                        <m:t>𝜌𝜋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𝜆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30D851C0-A213-4319-922C-BC7588D0440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57347" y="5198356"/>
                <a:ext cx="2189574" cy="553357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169125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5" grpId="0" animBg="1"/>
      <p:bldP spid="57" grpId="0" animBg="1"/>
      <p:bldP spid="58" grpId="0"/>
      <p:bldP spid="59" grpId="0"/>
      <p:bldP spid="60" grpId="0"/>
      <p:bldP spid="62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3668507-BBEE-45C4-8C3A-EEA7595AE1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 controller design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6D3201B4-B44F-4BC5-9F17-D696BC9E8A4B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GB" dirty="0"/>
                  <a:t>Control objective: Maximising Cp by operating the turbine a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1" i="1">
                            <a:latin typeface="Cambria Math"/>
                          </a:rPr>
                          <m:t>𝜽</m:t>
                        </m:r>
                        <m:r>
                          <a:rPr lang="en-GB" b="1" i="1">
                            <a:latin typeface="Cambria Math" panose="02040503050406030204" pitchFamily="18" charset="0"/>
                          </a:rPr>
                          <m:t>=</m:t>
                        </m:r>
                        <m:r>
                          <a:rPr lang="en-GB" b="1" i="1">
                            <a:latin typeface="Cambria Math"/>
                          </a:rPr>
                          <m:t>𝜽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r>
                  <a:rPr lang="en-GB" dirty="0"/>
                  <a:t> 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𝝀</m:t>
                        </m:r>
                        <m:r>
                          <a:rPr lang="en-GB" b="1" i="1">
                            <a:latin typeface="Cambria Math" panose="02040503050406030204" pitchFamily="18" charset="0"/>
                          </a:rPr>
                          <m:t>=</m:t>
                        </m:r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𝝀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r>
                  <a:rPr lang="en-GB" dirty="0"/>
                  <a:t> </a:t>
                </a:r>
              </a:p>
              <a:p>
                <a:endParaRPr lang="en-GB" dirty="0"/>
              </a:p>
              <a:p>
                <a:r>
                  <a:rPr lang="en-GB" dirty="0"/>
                  <a:t>Control input: </a:t>
                </a:r>
              </a:p>
              <a:p>
                <a:pPr lvl="1"/>
                <a:r>
                  <a:rPr lang="en-GB" dirty="0"/>
                  <a:t>pitch angle is kept at optimal </a:t>
                </a:r>
                <a14:m>
                  <m:oMath xmlns:m="http://schemas.openxmlformats.org/officeDocument/2006/math">
                    <m:r>
                      <a:rPr lang="en-GB" b="1" i="1">
                        <a:latin typeface="Cambria Math"/>
                      </a:rPr>
                      <m:t>𝜽</m:t>
                    </m:r>
                    <m:r>
                      <a:rPr lang="en-GB" b="1" i="1">
                        <a:latin typeface="Cambria Math"/>
                      </a:rPr>
                      <m:t> </m:t>
                    </m:r>
                  </m:oMath>
                </a14:m>
                <a:r>
                  <a:rPr lang="en-GB" dirty="0"/>
                  <a:t>=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GB" b="1" i="1">
                            <a:latin typeface="Cambria Math"/>
                          </a:rPr>
                          <m:t>𝜽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endParaRPr lang="en-GB" dirty="0"/>
              </a:p>
              <a:p>
                <a:pPr lvl="1"/>
                <a:r>
                  <a:rPr lang="en-GB" dirty="0"/>
                  <a:t>Generator torque</a:t>
                </a:r>
                <a:r>
                  <a:rPr lang="en-GB" b="1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𝑸</m:t>
                        </m:r>
                      </m:e>
                      <m:sub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𝒈</m:t>
                        </m:r>
                      </m:sub>
                    </m:sSub>
                    <m:r>
                      <a:rPr lang="en-US" b="1" i="1" smtClean="0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1" i="1" smtClean="0">
                        <a:latin typeface="Cambria Math" panose="02040503050406030204" pitchFamily="18" charset="0"/>
                      </a:rPr>
                      <m:t>𝒇</m:t>
                    </m:r>
                    <m:r>
                      <a:rPr lang="en-US" b="1" i="1" smtClean="0">
                        <a:latin typeface="Cambria Math" panose="02040503050406030204" pitchFamily="18" charset="0"/>
                      </a:rPr>
                      <m:t>(</m:t>
                    </m:r>
                    <m:r>
                      <a:rPr lang="en-US" b="1" i="0" smtClean="0">
                        <a:latin typeface="Cambria Math" panose="02040503050406030204" pitchFamily="18" charset="0"/>
                      </a:rPr>
                      <m:t>𝛀</m:t>
                    </m:r>
                    <m:r>
                      <a:rPr lang="en-US" b="1" i="1" smtClean="0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such that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𝝀</m:t>
                        </m:r>
                        <m:r>
                          <a:rPr lang="en-GB" b="1" i="1">
                            <a:latin typeface="Cambria Math" panose="02040503050406030204" pitchFamily="18" charset="0"/>
                          </a:rPr>
                          <m:t>=</m:t>
                        </m:r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𝝀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endParaRPr lang="en-GB" b="1" dirty="0"/>
              </a:p>
              <a:p>
                <a:pPr lvl="1"/>
                <a:endParaRPr lang="en-GB" b="1" dirty="0"/>
              </a:p>
              <a:p>
                <a:pPr lvl="1"/>
                <a:endParaRPr lang="en-GB" b="1" dirty="0"/>
              </a:p>
              <a:p>
                <a:r>
                  <a:rPr lang="en-GB" dirty="0"/>
                  <a:t>If we know the wind speed </a:t>
                </a:r>
                <a14:m>
                  <m:oMath xmlns:m="http://schemas.openxmlformats.org/officeDocument/2006/math">
                    <m:r>
                      <a:rPr lang="en-GB" b="1" i="1">
                        <a:latin typeface="Cambria Math" panose="02040503050406030204" pitchFamily="18" charset="0"/>
                      </a:rPr>
                      <m:t>𝒗</m:t>
                    </m:r>
                  </m:oMath>
                </a14:m>
                <a:r>
                  <a:rPr lang="en-GB" dirty="0"/>
                  <a:t>, we can track the optimal tip-speed ratio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GB" b="1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𝝀</m:t>
                        </m:r>
                      </m:e>
                      <m:sub>
                        <m:r>
                          <a:rPr lang="en-GB" b="1" i="1">
                            <a:latin typeface="Cambria Math"/>
                          </a:rPr>
                          <m:t>𝒐𝒑𝒕</m:t>
                        </m:r>
                      </m:sub>
                    </m:sSub>
                  </m:oMath>
                </a14:m>
                <a:r>
                  <a:rPr lang="en-GB" dirty="0"/>
                  <a:t> using a PI controller.</a:t>
                </a:r>
              </a:p>
              <a:p>
                <a:endParaRPr lang="en-GB" dirty="0"/>
              </a:p>
              <a:p>
                <a:r>
                  <a:rPr lang="en-GB" dirty="0"/>
                  <a:t>But what if we don’t know </a:t>
                </a:r>
                <a14:m>
                  <m:oMath xmlns:m="http://schemas.openxmlformats.org/officeDocument/2006/math">
                    <m:r>
                      <a:rPr lang="en-GB" b="1" i="1">
                        <a:latin typeface="Cambria Math" panose="02040503050406030204" pitchFamily="18" charset="0"/>
                      </a:rPr>
                      <m:t>𝒗</m:t>
                    </m:r>
                  </m:oMath>
                </a14:m>
                <a:r>
                  <a:rPr lang="en-GB" dirty="0"/>
                  <a:t>?</a:t>
                </a: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6D3201B4-B44F-4BC5-9F17-D696BC9E8A4B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C72C2DB-08DF-4CB5-ACDF-AA294FA9D7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ladsholder til indhold 6">
            <a:extLst>
              <a:ext uri="{FF2B5EF4-FFF2-40B4-BE49-F238E27FC236}">
                <a16:creationId xmlns:a16="http://schemas.microsoft.com/office/drawing/2014/main" id="{A74A0AF1-90C0-4008-A848-7DE64C84BFEA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800" r="6500" b="6727"/>
          <a:stretch/>
        </p:blipFill>
        <p:spPr bwMode="auto">
          <a:xfrm>
            <a:off x="9210604" y="199801"/>
            <a:ext cx="2410018" cy="15121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F96B51B9-0E4F-452E-9272-6EB0E63EE834}"/>
                  </a:ext>
                </a:extLst>
              </p:cNvPr>
              <p:cNvSpPr txBox="1"/>
              <p:nvPr/>
            </p:nvSpPr>
            <p:spPr>
              <a:xfrm>
                <a:off x="9407574" y="3182779"/>
                <a:ext cx="931089" cy="246221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𝜆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en-GB" b="0" i="0" smtClean="0">
                          <a:latin typeface="Cambria Math" panose="02040503050406030204" pitchFamily="18" charset="0"/>
                        </a:rPr>
                        <m:t>Ω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/</m:t>
                      </m:r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F96B51B9-0E4F-452E-9272-6EB0E63EE83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407574" y="3182779"/>
                <a:ext cx="931089" cy="246221"/>
              </a:xfrm>
              <a:prstGeom prst="rect">
                <a:avLst/>
              </a:prstGeom>
              <a:blipFill>
                <a:blip r:embed="rId4"/>
                <a:stretch>
                  <a:fillRect l="-3185" b="-2666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0" name="Rectangle 9">
            <a:extLst>
              <a:ext uri="{FF2B5EF4-FFF2-40B4-BE49-F238E27FC236}">
                <a16:creationId xmlns:a16="http://schemas.microsoft.com/office/drawing/2014/main" id="{CCE09568-2084-4EF5-A26F-2C647F37E3F3}"/>
              </a:ext>
            </a:extLst>
          </p:cNvPr>
          <p:cNvSpPr/>
          <p:nvPr/>
        </p:nvSpPr>
        <p:spPr bwMode="auto">
          <a:xfrm>
            <a:off x="9333316" y="4755556"/>
            <a:ext cx="1584176" cy="792088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Wind turbin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5D7754DB-577D-4BA1-8A5A-FCA7ABA6D842}"/>
              </a:ext>
            </a:extLst>
          </p:cNvPr>
          <p:cNvSpPr/>
          <p:nvPr/>
        </p:nvSpPr>
        <p:spPr bwMode="auto">
          <a:xfrm>
            <a:off x="7245084" y="4755556"/>
            <a:ext cx="1584176" cy="792088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PI Controller</a:t>
            </a:r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80C88C6C-5FE3-4EBE-B2BD-1E90C615C08F}"/>
              </a:ext>
            </a:extLst>
          </p:cNvPr>
          <p:cNvCxnSpPr>
            <a:stCxn id="11" idx="3"/>
            <a:endCxn id="10" idx="1"/>
          </p:cNvCxnSpPr>
          <p:nvPr/>
        </p:nvCxnSpPr>
        <p:spPr bwMode="auto">
          <a:xfrm>
            <a:off x="8829260" y="5151600"/>
            <a:ext cx="504056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Connector: Elbow 14">
            <a:extLst>
              <a:ext uri="{FF2B5EF4-FFF2-40B4-BE49-F238E27FC236}">
                <a16:creationId xmlns:a16="http://schemas.microsoft.com/office/drawing/2014/main" id="{508D8918-98B3-477E-A560-850B1AE60DDA}"/>
              </a:ext>
            </a:extLst>
          </p:cNvPr>
          <p:cNvCxnSpPr>
            <a:stCxn id="10" idx="3"/>
            <a:endCxn id="11" idx="1"/>
          </p:cNvCxnSpPr>
          <p:nvPr/>
        </p:nvCxnSpPr>
        <p:spPr bwMode="auto">
          <a:xfrm flipH="1">
            <a:off x="7245084" y="5151600"/>
            <a:ext cx="3672408" cy="12700"/>
          </a:xfrm>
          <a:prstGeom prst="bentConnector5">
            <a:avLst>
              <a:gd name="adj1" fmla="val -6225"/>
              <a:gd name="adj2" fmla="val 4918457"/>
              <a:gd name="adj3" fmla="val 12569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8" name="Rectangle 17">
                <a:extLst>
                  <a:ext uri="{FF2B5EF4-FFF2-40B4-BE49-F238E27FC236}">
                    <a16:creationId xmlns:a16="http://schemas.microsoft.com/office/drawing/2014/main" id="{5EA1F46B-B332-4AEF-A53B-08A2C1EB7596}"/>
                  </a:ext>
                </a:extLst>
              </p:cNvPr>
              <p:cNvSpPr/>
              <p:nvPr/>
            </p:nvSpPr>
            <p:spPr>
              <a:xfrm>
                <a:off x="11391745" y="4796927"/>
                <a:ext cx="407483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1" i="0" smtClean="0">
                          <a:latin typeface="Cambria Math" panose="02040503050406030204" pitchFamily="18" charset="0"/>
                        </a:rPr>
                        <m:t>𝛀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18" name="Rectangle 17">
                <a:extLst>
                  <a:ext uri="{FF2B5EF4-FFF2-40B4-BE49-F238E27FC236}">
                    <a16:creationId xmlns:a16="http://schemas.microsoft.com/office/drawing/2014/main" id="{5EA1F46B-B332-4AEF-A53B-08A2C1EB7596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1391745" y="4796927"/>
                <a:ext cx="407483" cy="338554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34C187D7-1C7E-4DFC-A831-F376A5F28614}"/>
                  </a:ext>
                </a:extLst>
              </p:cNvPr>
              <p:cNvSpPr/>
              <p:nvPr/>
            </p:nvSpPr>
            <p:spPr>
              <a:xfrm>
                <a:off x="8877546" y="4809627"/>
                <a:ext cx="515398" cy="36189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1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1" i="1" smtClean="0">
                              <a:latin typeface="Cambria Math" panose="02040503050406030204" pitchFamily="18" charset="0"/>
                            </a:rPr>
                            <m:t>𝑸</m:t>
                          </m:r>
                        </m:e>
                        <m:sub>
                          <m:r>
                            <a:rPr lang="en-US" b="1" i="1" smtClean="0">
                              <a:latin typeface="Cambria Math" panose="02040503050406030204" pitchFamily="18" charset="0"/>
                            </a:rPr>
                            <m:t>𝒈</m:t>
                          </m:r>
                        </m:sub>
                      </m:sSub>
                    </m:oMath>
                  </m:oMathPara>
                </a14:m>
                <a:endParaRPr lang="en-GB" b="1" dirty="0"/>
              </a:p>
            </p:txBody>
          </p:sp>
        </mc:Choice>
        <mc:Fallback xmlns="">
          <p:sp>
            <p:nvSpPr>
              <p:cNvPr id="19" name="Rectangle 18">
                <a:extLst>
                  <a:ext uri="{FF2B5EF4-FFF2-40B4-BE49-F238E27FC236}">
                    <a16:creationId xmlns:a16="http://schemas.microsoft.com/office/drawing/2014/main" id="{34C187D7-1C7E-4DFC-A831-F376A5F28614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877546" y="4809627"/>
                <a:ext cx="515398" cy="361894"/>
              </a:xfrm>
              <a:prstGeom prst="rect">
                <a:avLst/>
              </a:prstGeom>
              <a:blipFill>
                <a:blip r:embed="rId6"/>
                <a:stretch>
                  <a:fillRect b="-169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D92F458-7D73-491D-92FF-1289F1F9FAD2}"/>
                  </a:ext>
                </a:extLst>
              </p:cNvPr>
              <p:cNvSpPr/>
              <p:nvPr/>
            </p:nvSpPr>
            <p:spPr bwMode="auto">
              <a:xfrm>
                <a:off x="7929130" y="5620273"/>
                <a:ext cx="1260170" cy="406151"/>
              </a:xfrm>
              <a:prstGeom prst="rect">
                <a:avLst/>
              </a:prstGeom>
              <a:ln>
                <a:headEnd type="none" w="med" len="med"/>
                <a:tailEnd type="none" w="med" len="med"/>
              </a:ln>
            </p:spPr>
            <p:style>
              <a:lnRef idx="2">
                <a:schemeClr val="dk1"/>
              </a:lnRef>
              <a:fillRef idx="1">
                <a:schemeClr val="lt1"/>
              </a:fillRef>
              <a:effectRef idx="0">
                <a:schemeClr val="dk1"/>
              </a:effectRef>
              <a:fontRef idx="minor">
                <a:schemeClr val="dk1"/>
              </a:fontRef>
            </p:style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𝜆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en-GB">
                          <a:latin typeface="Cambria Math" panose="02040503050406030204" pitchFamily="18" charset="0"/>
                        </a:rPr>
                        <m:t>Ω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𝑅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/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𝑣</m:t>
                      </m:r>
                    </m:oMath>
                  </m:oMathPara>
                </a14:m>
                <a:endParaRPr lang="en-GB" dirty="0" err="1"/>
              </a:p>
            </p:txBody>
          </p:sp>
        </mc:Choice>
        <mc:Fallback xmlns=""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BD92F458-7D73-491D-92FF-1289F1F9FAD2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 bwMode="auto">
              <a:xfrm>
                <a:off x="7929130" y="5620273"/>
                <a:ext cx="1260170" cy="406151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  <a:ln>
                <a:headEnd type="none" w="med" len="med"/>
                <a:tailEnd type="none" w="med" len="med"/>
              </a:ln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DCD561A8-E059-47F5-87EB-963FBE34A27D}"/>
              </a:ext>
            </a:extLst>
          </p:cNvPr>
          <p:cNvCxnSpPr>
            <a:cxnSpLocks/>
            <a:stCxn id="10" idx="3"/>
          </p:cNvCxnSpPr>
          <p:nvPr/>
        </p:nvCxnSpPr>
        <p:spPr bwMode="auto">
          <a:xfrm flipV="1">
            <a:off x="10917492" y="5148181"/>
            <a:ext cx="931089" cy="341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Oval 26">
            <a:extLst>
              <a:ext uri="{FF2B5EF4-FFF2-40B4-BE49-F238E27FC236}">
                <a16:creationId xmlns:a16="http://schemas.microsoft.com/office/drawing/2014/main" id="{F87C4705-A28F-42FC-BE72-B108E7F20A9C}"/>
              </a:ext>
            </a:extLst>
          </p:cNvPr>
          <p:cNvSpPr/>
          <p:nvPr/>
        </p:nvSpPr>
        <p:spPr bwMode="auto">
          <a:xfrm>
            <a:off x="6164964" y="5007799"/>
            <a:ext cx="288032" cy="246221"/>
          </a:xfrm>
          <a:prstGeom prst="ellipse">
            <a:avLst/>
          </a:prstGeom>
          <a:solidFill>
            <a:schemeClr val="bg1"/>
          </a:solidFill>
          <a:ln w="9525"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28417776-A43D-432F-9340-A220822C8D1B}"/>
              </a:ext>
            </a:extLst>
          </p:cNvPr>
          <p:cNvCxnSpPr>
            <a:cxnSpLocks/>
          </p:cNvCxnSpPr>
          <p:nvPr/>
        </p:nvCxnSpPr>
        <p:spPr bwMode="auto">
          <a:xfrm flipV="1">
            <a:off x="5233875" y="5130909"/>
            <a:ext cx="931089" cy="341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E6AA2CAD-A498-45DB-B5C9-E9C020034581}"/>
                  </a:ext>
                </a:extLst>
              </p:cNvPr>
              <p:cNvSpPr/>
              <p:nvPr/>
            </p:nvSpPr>
            <p:spPr>
              <a:xfrm>
                <a:off x="5189813" y="5164300"/>
                <a:ext cx="657295" cy="35753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 smtClean="0">
                              <a:latin typeface="Cambria Math" panose="02040503050406030204" pitchFamily="18" charset="0"/>
                            </a:rPr>
                            <m:t>𝜆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 </m:t>
                          </m:r>
                        </m:sub>
                      </m:sSub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29" name="Rectangle 28">
                <a:extLst>
                  <a:ext uri="{FF2B5EF4-FFF2-40B4-BE49-F238E27FC236}">
                    <a16:creationId xmlns:a16="http://schemas.microsoft.com/office/drawing/2014/main" id="{E6AA2CAD-A498-45DB-B5C9-E9C020034581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189813" y="5164300"/>
                <a:ext cx="657295" cy="357534"/>
              </a:xfrm>
              <a:prstGeom prst="rect">
                <a:avLst/>
              </a:prstGeom>
              <a:blipFill>
                <a:blip r:embed="rId8"/>
                <a:stretch>
                  <a:fillRect b="-508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655BD000-7892-4B1B-9851-BDAD972D59BE}"/>
              </a:ext>
            </a:extLst>
          </p:cNvPr>
          <p:cNvCxnSpPr>
            <a:cxnSpLocks/>
            <a:endCxn id="20" idx="2"/>
          </p:cNvCxnSpPr>
          <p:nvPr/>
        </p:nvCxnSpPr>
        <p:spPr bwMode="auto">
          <a:xfrm flipV="1">
            <a:off x="8559215" y="6026424"/>
            <a:ext cx="0" cy="30755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C01F6BE0-35E0-4FF5-8567-80594043D443}"/>
                  </a:ext>
                </a:extLst>
              </p:cNvPr>
              <p:cNvSpPr/>
              <p:nvPr/>
            </p:nvSpPr>
            <p:spPr>
              <a:xfrm>
                <a:off x="8559215" y="6099053"/>
                <a:ext cx="380232" cy="33855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1" i="1">
                          <a:latin typeface="Cambria Math" panose="02040503050406030204" pitchFamily="18" charset="0"/>
                        </a:rPr>
                        <m:t>𝒗</m:t>
                      </m:r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33" name="Rectangle 32">
                <a:extLst>
                  <a:ext uri="{FF2B5EF4-FFF2-40B4-BE49-F238E27FC236}">
                    <a16:creationId xmlns:a16="http://schemas.microsoft.com/office/drawing/2014/main" id="{C01F6BE0-35E0-4FF5-8567-80594043D44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559215" y="6099053"/>
                <a:ext cx="380232" cy="338554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0892836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10" grpId="0" animBg="1"/>
      <p:bldP spid="11" grpId="0" animBg="1"/>
      <p:bldP spid="18" grpId="0"/>
      <p:bldP spid="19" grpId="0"/>
      <p:bldP spid="20" grpId="0" animBg="1"/>
      <p:bldP spid="27" grpId="0" animBg="1"/>
      <p:bldP spid="29" grpId="0"/>
      <p:bldP spid="33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35BFDC-81F9-41B1-B422-B99B3945AE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 Problem with wind measurement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4D024E5-978B-41C3-9498-56D10BBFB7D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1774800" y="1706400"/>
                <a:ext cx="5015678" cy="4545578"/>
              </a:xfrm>
            </p:spPr>
            <p:txBody>
              <a:bodyPr/>
              <a:lstStyle/>
              <a:p>
                <a:r>
                  <a:rPr lang="en-GB" dirty="0"/>
                  <a:t>Wind speed measurement </a:t>
                </a:r>
                <a14:m>
                  <m:oMath xmlns:m="http://schemas.openxmlformats.org/officeDocument/2006/math">
                    <m:r>
                      <a:rPr lang="en-GB" b="1" i="1">
                        <a:latin typeface="Cambria Math" panose="02040503050406030204" pitchFamily="18" charset="0"/>
                      </a:rPr>
                      <m:t>𝒗</m:t>
                    </m:r>
                  </m:oMath>
                </a14:m>
                <a:endParaRPr lang="en-GB" dirty="0"/>
              </a:p>
              <a:p>
                <a:pPr lvl="1"/>
                <a:r>
                  <a:rPr lang="en-GB" dirty="0"/>
                  <a:t>Wind cup: subject to noise</a:t>
                </a:r>
              </a:p>
              <a:p>
                <a:pPr lvl="1"/>
                <a:r>
                  <a:rPr lang="en-GB" dirty="0"/>
                  <a:t>Lidar: expensive</a:t>
                </a:r>
              </a:p>
              <a:p>
                <a:endParaRPr lang="en-GB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04D024E5-978B-41C3-9498-56D10BBFB7D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800" y="1706400"/>
                <a:ext cx="5015678" cy="4545578"/>
              </a:xfrm>
              <a:blipFill>
                <a:blip r:embed="rId2"/>
                <a:stretch>
                  <a:fillRect l="-2552" t="-174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F269DC8-616B-4D06-A3D5-4A53B184040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Picture 5" descr="A picture containing sky, outdoor, outdoor object, windmill&#10;&#10;Description automatically generated">
            <a:extLst>
              <a:ext uri="{FF2B5EF4-FFF2-40B4-BE49-F238E27FC236}">
                <a16:creationId xmlns:a16="http://schemas.microsoft.com/office/drawing/2014/main" id="{80E4E535-353D-489E-BDA4-A29844A084D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1484784"/>
            <a:ext cx="3409184" cy="4545578"/>
          </a:xfrm>
          <a:prstGeom prst="rect">
            <a:avLst/>
          </a:prstGeom>
        </p:spPr>
      </p:pic>
      <p:sp>
        <p:nvSpPr>
          <p:cNvPr id="7" name="Oval 6">
            <a:extLst>
              <a:ext uri="{FF2B5EF4-FFF2-40B4-BE49-F238E27FC236}">
                <a16:creationId xmlns:a16="http://schemas.microsoft.com/office/drawing/2014/main" id="{9D3F87EE-6F78-480E-8411-3F96556FD35F}"/>
              </a:ext>
            </a:extLst>
          </p:cNvPr>
          <p:cNvSpPr/>
          <p:nvPr/>
        </p:nvSpPr>
        <p:spPr bwMode="auto">
          <a:xfrm>
            <a:off x="8543478" y="3140968"/>
            <a:ext cx="576064" cy="432048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A49A8507-7801-4E08-A656-456F64162FF1}"/>
              </a:ext>
            </a:extLst>
          </p:cNvPr>
          <p:cNvSpPr/>
          <p:nvPr/>
        </p:nvSpPr>
        <p:spPr bwMode="auto">
          <a:xfrm>
            <a:off x="7823398" y="3429000"/>
            <a:ext cx="576064" cy="432048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6249210F-560A-4E36-B726-6C6C0CCCAD7B}"/>
              </a:ext>
            </a:extLst>
          </p:cNvPr>
          <p:cNvCxnSpPr/>
          <p:nvPr/>
        </p:nvCxnSpPr>
        <p:spPr bwMode="auto">
          <a:xfrm flipH="1">
            <a:off x="9335566" y="2708920"/>
            <a:ext cx="1800200" cy="43204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B6C1931F-47A2-44B2-A839-81AC010962A2}"/>
              </a:ext>
            </a:extLst>
          </p:cNvPr>
          <p:cNvSpPr txBox="1"/>
          <p:nvPr/>
        </p:nvSpPr>
        <p:spPr>
          <a:xfrm>
            <a:off x="11135766" y="2448223"/>
            <a:ext cx="58990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LiDAR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A71FD8CF-56B0-49D3-B649-5D6B953DE89C}"/>
              </a:ext>
            </a:extLst>
          </p:cNvPr>
          <p:cNvCxnSpPr/>
          <p:nvPr/>
        </p:nvCxnSpPr>
        <p:spPr bwMode="auto">
          <a:xfrm flipV="1">
            <a:off x="7306754" y="3757573"/>
            <a:ext cx="468052" cy="36117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CBAB3658-420C-4C9D-A732-477405B2E1D9}"/>
              </a:ext>
            </a:extLst>
          </p:cNvPr>
          <p:cNvSpPr txBox="1"/>
          <p:nvPr/>
        </p:nvSpPr>
        <p:spPr>
          <a:xfrm>
            <a:off x="5795733" y="4094144"/>
            <a:ext cx="16767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Wind anemometer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3E610AA-4B51-4805-BAFA-EB7EF8E3E917}"/>
              </a:ext>
            </a:extLst>
          </p:cNvPr>
          <p:cNvSpPr txBox="1"/>
          <p:nvPr/>
        </p:nvSpPr>
        <p:spPr>
          <a:xfrm>
            <a:off x="478582" y="5146586"/>
            <a:ext cx="6527920" cy="789960"/>
          </a:xfrm>
          <a:prstGeom prst="rect">
            <a:avLst/>
          </a:prstGeom>
          <a:solidFill>
            <a:schemeClr val="accent1"/>
          </a:solidFill>
          <a:effectLst>
            <a:outerShdw blurRad="50800" dist="38100" dir="18900000" algn="bl" rotWithShape="0">
              <a:prstClr val="black">
                <a:alpha val="40000"/>
              </a:prstClr>
            </a:outerShdw>
          </a:effectLst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b="1" dirty="0">
                <a:solidFill>
                  <a:schemeClr val="bg1"/>
                </a:solidFill>
              </a:rPr>
              <a:t>Can we track the optimal Cp (or optimal tip-speed ratio) without using the wind speed measurement?</a:t>
            </a:r>
          </a:p>
          <a:p>
            <a:pPr algn="l">
              <a:spcBef>
                <a:spcPts val="432"/>
              </a:spcBef>
            </a:pPr>
            <a:endParaRPr lang="en-GB" b="1" dirty="0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857088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648363-4D04-4BDC-B681-A15821C49E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gion 2 controller desig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2C89EF-45C2-4AAA-82AC-091C44C66D9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  <a:p>
            <a:r>
              <a:rPr lang="en-GB" dirty="0"/>
              <a:t>Consider the power law and the optimal power </a:t>
            </a:r>
          </a:p>
          <a:p>
            <a:pPr lvl="2"/>
            <a:endParaRPr lang="en-GB" dirty="0"/>
          </a:p>
          <a:p>
            <a:endParaRPr lang="en-GB" dirty="0"/>
          </a:p>
          <a:p>
            <a:r>
              <a:rPr lang="en-GB" dirty="0"/>
              <a:t>Substituting the tip-speed ratio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In terms of electrical power</a:t>
            </a:r>
          </a:p>
          <a:p>
            <a:pPr lvl="1"/>
            <a:endParaRPr lang="en-GB" dirty="0"/>
          </a:p>
          <a:p>
            <a:endParaRPr lang="en-GB" dirty="0"/>
          </a:p>
          <a:p>
            <a:r>
              <a:rPr lang="en-US" dirty="0"/>
              <a:t>Neglect transient response, then </a:t>
            </a:r>
            <a:r>
              <a:rPr lang="en-US" dirty="0" err="1"/>
              <a:t>Qe</a:t>
            </a:r>
            <a:r>
              <a:rPr lang="en-US" dirty="0"/>
              <a:t> becomes:</a:t>
            </a:r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8429C4-26E0-45A1-BFCD-EF203CD836F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65289609-248C-4CB2-B18F-92EA9D2F14FB}"/>
                  </a:ext>
                </a:extLst>
              </p:cNvPr>
              <p:cNvSpPr/>
              <p:nvPr/>
            </p:nvSpPr>
            <p:spPr>
              <a:xfrm>
                <a:off x="2062758" y="1628800"/>
                <a:ext cx="1220912" cy="361894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1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1" i="1">
                            <a:latin typeface="Cambria Math" panose="02040503050406030204" pitchFamily="18" charset="0"/>
                          </a:rPr>
                          <m:t>𝑸</m:t>
                        </m:r>
                      </m:e>
                      <m:sub>
                        <m:r>
                          <a:rPr lang="en-US" b="1" i="1" smtClean="0">
                            <a:latin typeface="Cambria Math" panose="02040503050406030204" pitchFamily="18" charset="0"/>
                          </a:rPr>
                          <m:t>𝒈</m:t>
                        </m:r>
                      </m:sub>
                    </m:sSub>
                    <m:r>
                      <a:rPr lang="en-US" b="1" i="1">
                        <a:latin typeface="Cambria Math" panose="02040503050406030204" pitchFamily="18" charset="0"/>
                      </a:rPr>
                      <m:t>=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𝒇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(</m:t>
                    </m:r>
                    <m:r>
                      <a:rPr lang="en-US" b="1">
                        <a:latin typeface="Cambria Math" panose="02040503050406030204" pitchFamily="18" charset="0"/>
                      </a:rPr>
                      <m:t>𝛀</m:t>
                    </m:r>
                    <m:r>
                      <a:rPr lang="en-US" b="1" i="1">
                        <a:latin typeface="Cambria Math" panose="02040503050406030204" pitchFamily="18" charset="0"/>
                      </a:rPr>
                      <m:t>)</m:t>
                    </m:r>
                  </m:oMath>
                </a14:m>
                <a:r>
                  <a:rPr lang="en-GB" dirty="0"/>
                  <a:t> </a:t>
                </a:r>
              </a:p>
            </p:txBody>
          </p:sp>
        </mc:Choice>
        <mc:Fallback xmlns="">
          <p:sp>
            <p:nvSpPr>
              <p:cNvPr id="5" name="Rectangle 4">
                <a:extLst>
                  <a:ext uri="{FF2B5EF4-FFF2-40B4-BE49-F238E27FC236}">
                    <a16:creationId xmlns:a16="http://schemas.microsoft.com/office/drawing/2014/main" id="{65289609-248C-4CB2-B18F-92EA9D2F14F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62758" y="1628800"/>
                <a:ext cx="1220912" cy="361894"/>
              </a:xfrm>
              <a:prstGeom prst="rect">
                <a:avLst/>
              </a:prstGeom>
              <a:blipFill>
                <a:blip r:embed="rId2"/>
                <a:stretch>
                  <a:fillRect b="-333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CCF112F8-8A67-4CA8-ABE7-046A04E188CA}"/>
                  </a:ext>
                </a:extLst>
              </p:cNvPr>
              <p:cNvSpPr/>
              <p:nvPr/>
            </p:nvSpPr>
            <p:spPr>
              <a:xfrm>
                <a:off x="2854846" y="2274911"/>
                <a:ext cx="2189574" cy="55335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i="1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i="1">
                          <a:latin typeface="Cambria Math" panose="02040503050406030204" pitchFamily="18" charset="0"/>
                        </a:rPr>
                        <m:t>𝜌𝜋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𝑝</m:t>
                          </m:r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𝜆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𝜃</m:t>
                          </m:r>
                        </m:e>
                      </m:d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6" name="Rectangle 5">
                <a:extLst>
                  <a:ext uri="{FF2B5EF4-FFF2-40B4-BE49-F238E27FC236}">
                    <a16:creationId xmlns:a16="http://schemas.microsoft.com/office/drawing/2014/main" id="{CCF112F8-8A67-4CA8-ABE7-046A04E188CA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854846" y="2274911"/>
                <a:ext cx="2189574" cy="553357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7" name="Rectangle 6">
                <a:extLst>
                  <a:ext uri="{FF2B5EF4-FFF2-40B4-BE49-F238E27FC236}">
                    <a16:creationId xmlns:a16="http://schemas.microsoft.com/office/drawing/2014/main" id="{09E22235-4721-461F-BBA2-FE1D7666C097}"/>
                  </a:ext>
                </a:extLst>
              </p:cNvPr>
              <p:cNvSpPr/>
              <p:nvPr/>
            </p:nvSpPr>
            <p:spPr>
              <a:xfrm>
                <a:off x="5519142" y="2274911"/>
                <a:ext cx="3064108" cy="55335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i="1">
                          <a:latin typeface="Cambria Math" panose="02040503050406030204" pitchFamily="18" charset="0"/>
                        </a:rPr>
                        <m:t>𝜌𝜋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𝑣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3</m:t>
                          </m:r>
                        </m:sup>
                      </m:sSup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𝑝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𝜃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</m:e>
                      </m:d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7" name="Rectangle 6">
                <a:extLst>
                  <a:ext uri="{FF2B5EF4-FFF2-40B4-BE49-F238E27FC236}">
                    <a16:creationId xmlns:a16="http://schemas.microsoft.com/office/drawing/2014/main" id="{09E22235-4721-461F-BBA2-FE1D7666C097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519142" y="2274911"/>
                <a:ext cx="3064108" cy="553357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33A8563E-7684-482C-894C-240E4B2AAC5D}"/>
                  </a:ext>
                </a:extLst>
              </p:cNvPr>
              <p:cNvSpPr/>
              <p:nvPr/>
            </p:nvSpPr>
            <p:spPr>
              <a:xfrm>
                <a:off x="2614961" y="3376583"/>
                <a:ext cx="3346044" cy="674287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en-GB" i="1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en-GB" i="1">
                          <a:latin typeface="Cambria Math" panose="02040503050406030204" pitchFamily="18" charset="0"/>
                        </a:rPr>
                        <m:t>𝜌𝜋</m:t>
                      </m:r>
                      <m:sSup>
                        <m:sSup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p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  <m:sSub>
                        <m:sSub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𝐶</m:t>
                          </m:r>
                        </m:e>
                        <m: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𝑝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𝑚𝑎𝑥</m:t>
                          </m:r>
                        </m:sub>
                      </m:sSub>
                      <m:d>
                        <m:dPr>
                          <m:ctrlPr>
                            <a:rPr lang="en-GB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  <m:r>
                            <a:rPr lang="en-GB" i="1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GB" i="1">
                                  <a:latin typeface="Cambria Math" panose="02040503050406030204" pitchFamily="18" charset="0"/>
                                </a:rPr>
                                <m:t>𝜃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</m:sSub>
                        </m:e>
                      </m:d>
                      <m:f>
                        <m:fPr>
                          <m:ctrlPr>
                            <a:rPr lang="en-GB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p>
                            <m:s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p>
                          <m:sSup>
                            <m:s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m:rPr>
                                  <m:sty m:val="p"/>
                                </m:rP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Ω</m:t>
                              </m:r>
                            </m:e>
                            <m:sup>
                              <m:r>
                                <a:rPr lang="en-US" b="0" i="0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p>
                        </m:num>
                        <m:den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</m:oMath>
                  </m:oMathPara>
                </a14:m>
                <a:endParaRPr lang="en-GB" dirty="0"/>
              </a:p>
            </p:txBody>
          </p:sp>
        </mc:Choice>
        <mc:Fallback xmlns=""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33A8563E-7684-482C-894C-240E4B2AAC5D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614961" y="3376583"/>
                <a:ext cx="3346044" cy="674287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C2AC25AF-04F5-4B93-A906-7836438FA753}"/>
                  </a:ext>
                </a:extLst>
              </p:cNvPr>
              <p:cNvSpPr/>
              <p:nvPr/>
            </p:nvSpPr>
            <p:spPr>
              <a:xfrm>
                <a:off x="2463766" y="4417012"/>
                <a:ext cx="1632626" cy="471283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𝑃</m:t>
                    </m:r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f>
                          <m:f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fPr>
                          <m:num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1</m:t>
                            </m:r>
                          </m:num>
                          <m:den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𝜂</m:t>
                            </m:r>
                          </m:den>
                        </m:f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𝑃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m:rPr>
                        <m:sty m:val="p"/>
                      </m:rPr>
                      <a:rPr lang="en-US" b="0" i="0" smtClean="0">
                        <a:latin typeface="Cambria Math" panose="02040503050406030204" pitchFamily="18" charset="0"/>
                      </a:rPr>
                      <m:t>Ω</m:t>
                    </m:r>
                  </m:oMath>
                </a14:m>
                <a:r>
                  <a:rPr lang="en-GB" dirty="0"/>
                  <a:t> </a:t>
                </a:r>
              </a:p>
            </p:txBody>
          </p:sp>
        </mc:Choice>
        <mc:Fallback xmlns="">
          <p:sp>
            <p:nvSpPr>
              <p:cNvPr id="10" name="Rectangle 9">
                <a:extLst>
                  <a:ext uri="{FF2B5EF4-FFF2-40B4-BE49-F238E27FC236}">
                    <a16:creationId xmlns:a16="http://schemas.microsoft.com/office/drawing/2014/main" id="{C2AC25AF-04F5-4B93-A906-7836438FA75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463766" y="4417012"/>
                <a:ext cx="1632626" cy="471283"/>
              </a:xfrm>
              <a:prstGeom prst="rect">
                <a:avLst/>
              </a:prstGeom>
              <a:blipFill>
                <a:blip r:embed="rId6"/>
                <a:stretch>
                  <a:fillRect b="-129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3ED1EDE-B398-4472-88DC-0F8C97002CCF}"/>
                  </a:ext>
                </a:extLst>
              </p:cNvPr>
              <p:cNvSpPr txBox="1"/>
              <p:nvPr/>
            </p:nvSpPr>
            <p:spPr>
              <a:xfrm>
                <a:off x="5660563" y="4268253"/>
                <a:ext cx="2607830" cy="563744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GB" b="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</m:oMath>
                </a14:m>
                <a:r>
                  <a:rPr lang="en-GB" b="0" dirty="0"/>
                  <a:t>: generator torque at LSS</a:t>
                </a:r>
              </a:p>
              <a:p>
                <a:pPr>
                  <a:spcBef>
                    <a:spcPts val="432"/>
                  </a:spcBef>
                </a:pPr>
                <a:r>
                  <a:rPr lang="en-GB" dirty="0"/>
                  <a:t> </a:t>
                </a:r>
                <a14:m>
                  <m:oMath xmlns:m="http://schemas.openxmlformats.org/officeDocument/2006/math">
                    <m:r>
                      <a:rPr lang="en-US" b="0" i="1" smtClean="0">
                        <a:latin typeface="Cambria Math" panose="02040503050406030204" pitchFamily="18" charset="0"/>
                      </a:rPr>
                      <m:t>𝜂</m:t>
                    </m:r>
                  </m:oMath>
                </a14:m>
                <a:r>
                  <a:rPr lang="en-GB" dirty="0"/>
                  <a:t>: efficiency</a:t>
                </a:r>
              </a:p>
            </p:txBody>
          </p:sp>
        </mc:Choice>
        <mc:Fallback xmlns=""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3ED1EDE-B398-4472-88DC-0F8C97002CCF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660563" y="4268253"/>
                <a:ext cx="2607830" cy="563744"/>
              </a:xfrm>
              <a:prstGeom prst="rect">
                <a:avLst/>
              </a:prstGeom>
              <a:blipFill>
                <a:blip r:embed="rId7"/>
                <a:stretch>
                  <a:fillRect l="-928" t="-8247" r="-3248" b="-18557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6E9048CA-27D5-4DE7-8F57-D786C3E6CC53}"/>
                  </a:ext>
                </a:extLst>
              </p:cNvPr>
              <p:cNvSpPr/>
              <p:nvPr/>
            </p:nvSpPr>
            <p:spPr>
              <a:xfrm>
                <a:off x="2566814" y="5334495"/>
                <a:ext cx="3477683" cy="562142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14:m>
                  <m:oMath xmlns:m="http://schemas.openxmlformats.org/officeDocument/2006/math"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𝑄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  <m:r>
                      <a:rPr lang="en-US" b="0" i="0" smtClean="0">
                        <a:latin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𝜂𝜌𝜋</m:t>
                        </m:r>
                        <m:sSup>
                          <m:s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5</m:t>
                            </m:r>
                          </m:sup>
                        </m:sSup>
                        <m:sSub>
                          <m:sSub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𝐶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𝑝</m:t>
                            </m:r>
                          </m:sub>
                        </m:sSub>
                        <m:d>
                          <m:d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dPr>
                          <m:e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𝜆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,</m:t>
                            </m:r>
                            <m:sSub>
                              <m:sSubPr>
                                <m:ctrlP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bPr>
                              <m:e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𝜃</m:t>
                                </m:r>
                              </m:e>
                              <m:sub>
                                <m:r>
                                  <a:rPr lang="en-US" b="0" i="1" smtClean="0">
                                    <a:latin typeface="Cambria Math" panose="02040503050406030204" pitchFamily="18" charset="0"/>
                                  </a:rPr>
                                  <m:t>𝑜𝑝𝑡</m:t>
                                </m:r>
                              </m:sub>
                            </m:sSub>
                          </m:e>
                        </m:d>
                      </m:num>
                      <m:den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  <m:sSubSup>
                          <m:sSubSupPr>
                            <m:ctrlPr>
                              <a:rPr lang="en-US" b="0" i="1" smtClean="0">
                                <a:latin typeface="Cambria Math" panose="02040503050406030204" pitchFamily="18" charset="0"/>
                              </a:rPr>
                            </m:ctrlPr>
                          </m:sSubSupPr>
                          <m:e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𝜆</m:t>
                            </m:r>
                          </m:e>
                          <m:sub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𝑜𝑝𝑡</m:t>
                            </m:r>
                          </m:sub>
                          <m:sup>
                            <m:r>
                              <a:rPr lang="en-US" b="0" i="1" smtClean="0">
                                <a:latin typeface="Cambria Math" panose="02040503050406030204" pitchFamily="18" charset="0"/>
                              </a:rPr>
                              <m:t>3</m:t>
                            </m:r>
                          </m:sup>
                        </m:sSubSup>
                      </m:den>
                    </m:f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m:rPr>
                            <m:sty m:val="p"/>
                          </m:rPr>
                          <a:rPr lang="en-US" b="0" i="0" smtClean="0">
                            <a:latin typeface="Cambria Math" panose="02040503050406030204" pitchFamily="18" charset="0"/>
                          </a:rPr>
                          <m:t>Ω</m:t>
                        </m:r>
                      </m:e>
                      <m:sup>
                        <m:r>
                          <a:rPr lang="en-US" b="0" i="0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  <m:r>
                      <a:rPr lang="en-US" b="0" i="1" smtClean="0">
                        <a:latin typeface="Cambria Math" panose="02040503050406030204" pitchFamily="18" charset="0"/>
                      </a:rPr>
                      <m:t>=</m:t>
                    </m:r>
                    <m:sSub>
                      <m:sSub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𝐾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𝑜𝑝𝑡</m:t>
                        </m:r>
                      </m:sub>
                    </m:sSub>
                    <m:sSup>
                      <m:sSupPr>
                        <m:ctrlPr>
                          <a:rPr lang="en-US" b="0" i="1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𝛺</m:t>
                        </m:r>
                      </m:e>
                      <m:sup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p>
                    </m:sSup>
                  </m:oMath>
                </a14:m>
                <a:r>
                  <a:rPr lang="en-GB" dirty="0"/>
                  <a:t> </a:t>
                </a:r>
              </a:p>
            </p:txBody>
          </p:sp>
        </mc:Choice>
        <mc:Fallback xmlns="">
          <p:sp>
            <p:nvSpPr>
              <p:cNvPr id="13" name="Rectangle 12">
                <a:extLst>
                  <a:ext uri="{FF2B5EF4-FFF2-40B4-BE49-F238E27FC236}">
                    <a16:creationId xmlns:a16="http://schemas.microsoft.com/office/drawing/2014/main" id="{6E9048CA-27D5-4DE7-8F57-D786C3E6CC53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566814" y="5334495"/>
                <a:ext cx="3477683" cy="562142"/>
              </a:xfrm>
              <a:prstGeom prst="rect">
                <a:avLst/>
              </a:prstGeom>
              <a:blipFill>
                <a:blip r:embed="rId8"/>
                <a:stretch>
                  <a:fillRect b="-2174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99D45B22-ABDB-4690-A32F-CAB156D60FF6}"/>
                  </a:ext>
                </a:extLst>
              </p:cNvPr>
              <p:cNvSpPr txBox="1"/>
              <p:nvPr/>
            </p:nvSpPr>
            <p:spPr>
              <a:xfrm>
                <a:off x="6397719" y="5565447"/>
                <a:ext cx="2911694" cy="600870"/>
              </a:xfrm>
              <a:prstGeom prst="rect">
                <a:avLst/>
              </a:prstGeom>
            </p:spPr>
            <p:style>
              <a:lnRef idx="2">
                <a:schemeClr val="accent1"/>
              </a:lnRef>
              <a:fillRef idx="1">
                <a:schemeClr val="lt1"/>
              </a:fillRef>
              <a:effectRef idx="0">
                <a:schemeClr val="accent1"/>
              </a:effectRef>
              <a:fontRef idx="minor">
                <a:schemeClr val="dk1"/>
              </a:fontRef>
            </p:style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𝐾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𝑜𝑝𝑡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𝜂𝜌𝜋</m:t>
                          </m:r>
                          <m:sSup>
                            <m:sSup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𝑅</m:t>
                              </m:r>
                            </m:e>
                            <m:sup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5</m:t>
                              </m:r>
                            </m:sup>
                          </m:sSup>
                          <m:sSub>
                            <m:sSub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sub>
                          </m:sSub>
                          <m:d>
                            <m:dPr>
                              <m:ctrlPr>
                                <a:rPr lang="en-US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𝜆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,</m:t>
                              </m:r>
                              <m:sSub>
                                <m:sSubPr>
                                  <m:ctrlPr>
                                    <a:rPr lang="en-US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𝜃</m:t>
                                  </m:r>
                                </m:e>
                                <m:sub>
                                  <m:r>
                                    <a:rPr lang="en-US" i="1">
                                      <a:latin typeface="Cambria Math" panose="02040503050406030204" pitchFamily="18" charset="0"/>
                                    </a:rPr>
                                    <m:t>𝑜𝑝𝑡</m:t>
                                  </m:r>
                                </m:sub>
                              </m:sSub>
                            </m:e>
                          </m:d>
                        </m:num>
                        <m:den>
                          <m:r>
                            <a:rPr lang="en-US" i="1">
                              <a:latin typeface="Cambria Math" panose="02040503050406030204" pitchFamily="18" charset="0"/>
                            </a:rPr>
                            <m:t>2</m:t>
                          </m:r>
                          <m:sSubSup>
                            <m:sSubSupPr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e>
                            <m:sub>
                              <m:r>
                                <a:rPr lang="en-US" i="1">
                                  <a:latin typeface="Cambria Math" panose="02040503050406030204" pitchFamily="18" charset="0"/>
                                </a:rPr>
                                <m:t>𝑜𝑝𝑡</m:t>
                              </m:r>
                            </m:sub>
                            <m:sup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3</m:t>
                              </m:r>
                            </m:sup>
                          </m:sSubSup>
                        </m:den>
                      </m:f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99D45B22-ABDB-4690-A32F-CAB156D60FF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97719" y="5565447"/>
                <a:ext cx="2911694" cy="600870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42252190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0" grpId="0"/>
      <p:bldP spid="11" grpId="0" animBg="1"/>
      <p:bldP spid="13" grpId="0"/>
      <p:bldP spid="15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PnsfeoxcHdexsFDJRc+F1w=="},{"name":"PresentationTitle","value":"5qZa9KNE5dI4CZIuE8IxJrsQ70zUCsU1321BQATlq68="}]}]]></TemplafyFormConfiguration>
</file>

<file path=customXml/item2.xml><?xml version="1.0" encoding="utf-8"?>
<TemplafyTemplateConfiguration><![CDATA[{"elementsMetadata":[{"type":"shape","id":"32e20b93-f8f0-4438-9d21-6230dbd4e858","elementConfiguration":{"binding":"UserProfile.Offices.Workarea_{{DocumentLanguage}}","disableUpdates":false,"type":"text"}},{"type":"shape","id":"405b9a8a-8b41-41ab-8c32-d93f4eb448bf","elementConfiguration":{"binding":"Form.Date","format":"{{DateFormats.GeneralDate}}","disableUpdates":false,"type":"date"}},{"type":"shape","id":"bd0d50e4-bc21-458e-ac32-a32373239190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8167AF79-0CD6-4530-97CB-040E9C640D9A}">
  <ds:schemaRefs/>
</ds:datastoreItem>
</file>

<file path=customXml/itemProps6.xml><?xml version="1.0" encoding="utf-8"?>
<ds:datastoreItem xmlns:ds="http://schemas.openxmlformats.org/officeDocument/2006/customXml" ds:itemID="{EDA39089-0955-4719-9CC9-3655C95B79E7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5174</TotalTime>
  <Words>1202</Words>
  <Application>Microsoft Office PowerPoint</Application>
  <PresentationFormat>Custom</PresentationFormat>
  <Paragraphs>232</Paragraphs>
  <Slides>2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1</vt:i4>
      </vt:variant>
    </vt:vector>
  </HeadingPairs>
  <TitlesOfParts>
    <vt:vector size="26" baseType="lpstr">
      <vt:lpstr>Arial</vt:lpstr>
      <vt:lpstr>Arial Rounded MT Bold</vt:lpstr>
      <vt:lpstr>Cambria Math</vt:lpstr>
      <vt:lpstr>Verdana</vt:lpstr>
      <vt:lpstr>Blank</vt:lpstr>
      <vt:lpstr>PowerPoint Presentation</vt:lpstr>
      <vt:lpstr>Controller design and tuning</vt:lpstr>
      <vt:lpstr>Learning objectives</vt:lpstr>
      <vt:lpstr>Let’s control a wind turbine</vt:lpstr>
      <vt:lpstr>Power in the wind </vt:lpstr>
      <vt:lpstr>Variable-speed Pitch-regulated control</vt:lpstr>
      <vt:lpstr>Region 2 controller design</vt:lpstr>
      <vt:lpstr>Region 2 Problem with wind measurement</vt:lpstr>
      <vt:lpstr>Region 2 controller design</vt:lpstr>
      <vt:lpstr>Region 2: Alternative form</vt:lpstr>
      <vt:lpstr>Region 2: Optimal Cp tracking</vt:lpstr>
      <vt:lpstr>Region 2: Derivation of generator torque constant</vt:lpstr>
      <vt:lpstr>Region 2: Cp tracking – Transient behaviour</vt:lpstr>
      <vt:lpstr>Region 2: Cp tracking - Analysis</vt:lpstr>
      <vt:lpstr>Region 2: Cp tracking - Transient behaviour</vt:lpstr>
      <vt:lpstr>Region 2: Cp tracking - Analysis</vt:lpstr>
      <vt:lpstr>Region 2: Optimal Cp tracking </vt:lpstr>
      <vt:lpstr>Region 2: Optimal Cp tracking </vt:lpstr>
      <vt:lpstr>Region 1: Optimal Cp tracking </vt:lpstr>
      <vt:lpstr>Region 2: Optimal Cp tracking </vt:lpstr>
      <vt:lpstr>Summar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lan Wai Hou Lio</cp:lastModifiedBy>
  <cp:revision>214</cp:revision>
  <dcterms:created xsi:type="dcterms:W3CDTF">2017-07-31T08:31:56Z</dcterms:created>
  <dcterms:modified xsi:type="dcterms:W3CDTF">2021-06-08T14:04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45406195940696</vt:lpwstr>
  </property>
  <property fmtid="{D5CDD505-2E9C-101B-9397-08002B2CF9AE}" pid="6" name="TemplafyLanguageCode">
    <vt:lpwstr>en-GB</vt:lpwstr>
  </property>
</Properties>
</file>